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青ケ島村" sheetId="1" r:id="rId1"/>
  </sheets>
  <definedNames>
    <definedName name="_xlnm.Print_Area" localSheetId="0">青ケ島村!$A$1:$Z$57,青ケ島村!$AB$59:$BQ$122</definedName>
  </definedNames>
  <calcPr calcId="162913"/>
</workbook>
</file>

<file path=xl/calcChain.xml><?xml version="1.0" encoding="utf-8"?>
<calcChain xmlns="http://schemas.openxmlformats.org/spreadsheetml/2006/main">
  <c r="AP112" i="1" l="1"/>
</calcChain>
</file>

<file path=xl/sharedStrings.xml><?xml version="1.0" encoding="utf-8"?>
<sst xmlns="http://schemas.openxmlformats.org/spreadsheetml/2006/main" count="341" uniqueCount="266">
  <si>
    <t xml:space="preserve"> 平  成  ３　０ 年  度</t>
    <phoneticPr fontId="4"/>
  </si>
  <si>
    <t>団体コード</t>
  </si>
  <si>
    <t>134023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青ヶ島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３１．４．１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24.4.1</t>
    <phoneticPr fontId="4"/>
  </si>
  <si>
    <t>29.4.1</t>
    <phoneticPr fontId="4"/>
  </si>
  <si>
    <t>24.4.1</t>
    <phoneticPr fontId="4"/>
  </si>
  <si>
    <t>.　.</t>
    <phoneticPr fontId="4"/>
  </si>
  <si>
    <t>28.4.1</t>
    <phoneticPr fontId="4"/>
  </si>
  <si>
    <t>28.4.1</t>
    <phoneticPr fontId="4"/>
  </si>
  <si>
    <t>28.4.1</t>
    <phoneticPr fontId="4"/>
  </si>
  <si>
    <t>＜ごみ・し尿処理＞　
＜収益事業＞
＜その他＞
･東京市町村総合事務組合
･東京都島嶼町村一部事務組合
･東京都市町村職員退職手当組合
･東京都市町村議会議員公務災害補償等組合
･東京都後期高齢者医療広域連合
　　　　　　　　　　　　　　　　</t>
    <phoneticPr fontId="4"/>
  </si>
  <si>
    <t>・池之沢東屋・ふかし釜建設工事　36
・島内光回線敷設工事　31
・上中之島地区能動整備工事　21</t>
    <rPh sb="1" eb="6">
      <t>イケノサワアズマヤ</t>
    </rPh>
    <rPh sb="10" eb="11">
      <t>カマ</t>
    </rPh>
    <rPh sb="11" eb="13">
      <t>ケンセツ</t>
    </rPh>
    <rPh sb="13" eb="15">
      <t>コウジ</t>
    </rPh>
    <rPh sb="20" eb="22">
      <t>トウナイ</t>
    </rPh>
    <rPh sb="22" eb="23">
      <t>ヒカリ</t>
    </rPh>
    <rPh sb="23" eb="25">
      <t>カイセン</t>
    </rPh>
    <rPh sb="25" eb="27">
      <t>フセツ</t>
    </rPh>
    <rPh sb="27" eb="29">
      <t>コウジ</t>
    </rPh>
    <rPh sb="34" eb="35">
      <t>カミ</t>
    </rPh>
    <rPh sb="35" eb="38">
      <t>ナカノシマ</t>
    </rPh>
    <rPh sb="38" eb="40">
      <t>チク</t>
    </rPh>
    <rPh sb="40" eb="42">
      <t>ノウドウ</t>
    </rPh>
    <rPh sb="42" eb="44">
      <t>セイビ</t>
    </rPh>
    <rPh sb="44" eb="46">
      <t>コウジ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7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" fontId="8" fillId="0" borderId="7" xfId="1" applyNumberFormat="1" applyFont="1" applyFill="1" applyBorder="1" applyAlignment="1">
      <alignment horizontal="right"/>
    </xf>
    <xf numFmtId="3" fontId="11" fillId="0" borderId="9" xfId="0" applyNumberFormat="1" applyFont="1" applyFill="1" applyBorder="1"/>
    <xf numFmtId="3" fontId="11" fillId="0" borderId="10" xfId="0" applyNumberFormat="1" applyFont="1" applyFill="1" applyBorder="1"/>
    <xf numFmtId="3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488" t="s">
        <v>
0</v>
      </c>
      <c r="B1" s="488"/>
      <c r="C1" s="488"/>
      <c r="D1" s="488"/>
      <c r="E1" s="488"/>
      <c r="F1" s="488"/>
      <c r="G1" s="488"/>
      <c r="H1" s="488"/>
      <c r="I1" s="489"/>
      <c r="J1" s="180" t="s">
        <v>
1</v>
      </c>
      <c r="K1" s="181"/>
      <c r="L1" s="182"/>
      <c r="M1" s="490" t="s">
        <v>
2</v>
      </c>
      <c r="N1" s="491"/>
      <c r="O1" s="491"/>
      <c r="P1" s="491"/>
      <c r="Q1" s="491"/>
      <c r="R1" s="492"/>
      <c r="S1" s="180" t="s">
        <v>
3</v>
      </c>
      <c r="T1" s="181"/>
      <c r="U1" s="181"/>
      <c r="V1" s="182"/>
      <c r="W1" s="490" t="s">
        <v>
4</v>
      </c>
      <c r="X1" s="491"/>
      <c r="Y1" s="491"/>
      <c r="Z1" s="492"/>
      <c r="AB1" s="75"/>
      <c r="AC1" s="498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493" t="s">
        <v>
6</v>
      </c>
      <c r="B2" s="493"/>
      <c r="C2" s="493"/>
      <c r="D2" s="493"/>
      <c r="E2" s="493"/>
      <c r="F2" s="493"/>
      <c r="G2" s="493"/>
      <c r="H2" s="493"/>
      <c r="I2" s="494"/>
      <c r="J2" s="180" t="s">
        <v>
7</v>
      </c>
      <c r="K2" s="181"/>
      <c r="L2" s="182"/>
      <c r="M2" s="495" t="s">
        <v>
8</v>
      </c>
      <c r="N2" s="496"/>
      <c r="O2" s="496"/>
      <c r="P2" s="496"/>
      <c r="Q2" s="496"/>
      <c r="R2" s="497"/>
      <c r="S2" s="180" t="s">
        <v>
9</v>
      </c>
      <c r="T2" s="181"/>
      <c r="U2" s="181"/>
      <c r="V2" s="182"/>
      <c r="W2" s="490" t="s">
        <v>
10</v>
      </c>
      <c r="X2" s="491"/>
      <c r="Y2" s="491"/>
      <c r="Z2" s="492"/>
      <c r="AB2" s="75"/>
      <c r="AC2" s="499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5"/>
      <c r="S3" s="365"/>
      <c r="T3" s="365"/>
      <c r="U3" s="365"/>
      <c r="V3" s="365"/>
      <c r="W3" s="365"/>
      <c r="X3" s="365"/>
      <c r="Y3" s="365"/>
      <c r="Z3" s="355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185" t="s">
        <v>
16</v>
      </c>
      <c r="B4" s="186"/>
      <c r="C4" s="470" t="s">
        <v>
17</v>
      </c>
      <c r="D4" s="365"/>
      <c r="E4" s="321">
        <v>
178</v>
      </c>
      <c r="F4" s="321"/>
      <c r="G4" s="321"/>
      <c r="H4" s="321"/>
      <c r="I4" s="3" t="s">
        <v>
18</v>
      </c>
      <c r="J4" s="471" t="s">
        <v>
19</v>
      </c>
      <c r="K4" s="354"/>
      <c r="L4" s="354"/>
      <c r="M4" s="354"/>
      <c r="N4" s="353"/>
      <c r="O4" s="473" t="s">
        <v>
263</v>
      </c>
      <c r="P4" s="474"/>
      <c r="Q4" s="180" t="s">
        <v>
20</v>
      </c>
      <c r="R4" s="181"/>
      <c r="S4" s="181"/>
      <c r="T4" s="181"/>
      <c r="U4" s="182"/>
      <c r="V4" s="311">
        <v>
225111</v>
      </c>
      <c r="W4" s="312"/>
      <c r="X4" s="312"/>
      <c r="Y4" s="312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87"/>
      <c r="B5" s="188"/>
      <c r="C5" s="479" t="s">
        <v>
22</v>
      </c>
      <c r="D5" s="480"/>
      <c r="E5" s="481">
        <v>
-11.442786069651699</v>
      </c>
      <c r="F5" s="481"/>
      <c r="G5" s="481"/>
      <c r="H5" s="481"/>
      <c r="I5" s="3" t="s">
        <v>
23</v>
      </c>
      <c r="J5" s="325"/>
      <c r="K5" s="472"/>
      <c r="L5" s="472"/>
      <c r="M5" s="472"/>
      <c r="N5" s="324"/>
      <c r="O5" s="475"/>
      <c r="P5" s="476"/>
      <c r="Q5" s="180" t="s">
        <v>
24</v>
      </c>
      <c r="R5" s="181"/>
      <c r="S5" s="181"/>
      <c r="T5" s="181"/>
      <c r="U5" s="182"/>
      <c r="V5" s="311">
        <v>
38184</v>
      </c>
      <c r="W5" s="312"/>
      <c r="X5" s="312"/>
      <c r="Y5" s="312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185" t="s">
        <v>
25</v>
      </c>
      <c r="B6" s="186"/>
      <c r="C6" s="482" t="s">
        <v>
26</v>
      </c>
      <c r="D6" s="365"/>
      <c r="E6" s="321">
        <v>
159</v>
      </c>
      <c r="F6" s="321"/>
      <c r="G6" s="321"/>
      <c r="H6" s="321"/>
      <c r="I6" s="3" t="s">
        <v>
18</v>
      </c>
      <c r="J6" s="325"/>
      <c r="K6" s="472"/>
      <c r="L6" s="472"/>
      <c r="M6" s="472"/>
      <c r="N6" s="324"/>
      <c r="O6" s="475"/>
      <c r="P6" s="476"/>
      <c r="Q6" s="116" t="s">
        <v>
27</v>
      </c>
      <c r="R6" s="117"/>
      <c r="S6" s="181"/>
      <c r="T6" s="181"/>
      <c r="U6" s="182"/>
      <c r="V6" s="311">
        <v>
240113</v>
      </c>
      <c r="W6" s="312"/>
      <c r="X6" s="312"/>
      <c r="Y6" s="312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04"/>
      <c r="B7" s="206"/>
      <c r="C7" s="470" t="s">
        <v>
28</v>
      </c>
      <c r="D7" s="365"/>
      <c r="E7" s="481">
        <v>
-4.2168674698795199</v>
      </c>
      <c r="F7" s="481"/>
      <c r="G7" s="481"/>
      <c r="H7" s="481"/>
      <c r="I7" s="3" t="s">
        <v>
23</v>
      </c>
      <c r="J7" s="337"/>
      <c r="K7" s="465"/>
      <c r="L7" s="465"/>
      <c r="M7" s="465"/>
      <c r="N7" s="338"/>
      <c r="O7" s="475"/>
      <c r="P7" s="476"/>
      <c r="Q7" s="483"/>
      <c r="R7" s="484"/>
      <c r="S7" s="485" t="s">
        <v>
29</v>
      </c>
      <c r="T7" s="486"/>
      <c r="U7" s="487"/>
      <c r="V7" s="311">
        <v>
8465</v>
      </c>
      <c r="W7" s="312"/>
      <c r="X7" s="312"/>
      <c r="Y7" s="312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04"/>
      <c r="B8" s="206"/>
      <c r="C8" s="452" t="s">
        <v>
30</v>
      </c>
      <c r="D8" s="378"/>
      <c r="E8" s="378"/>
      <c r="F8" s="454"/>
      <c r="G8" s="454"/>
      <c r="H8" s="454"/>
      <c r="I8" s="456" t="s">
        <v>
18</v>
      </c>
      <c r="J8" s="328" t="s">
        <v>
31</v>
      </c>
      <c r="K8" s="457">
        <v>
5.96</v>
      </c>
      <c r="L8" s="458"/>
      <c r="M8" s="461" t="s">
        <v>
32</v>
      </c>
      <c r="N8" s="462"/>
      <c r="O8" s="475"/>
      <c r="P8" s="476"/>
      <c r="Q8" s="116" t="s">
        <v>
33</v>
      </c>
      <c r="R8" s="354"/>
      <c r="S8" s="354"/>
      <c r="T8" s="354"/>
      <c r="U8" s="353"/>
      <c r="V8" s="466"/>
      <c r="W8" s="467"/>
      <c r="X8" s="467"/>
      <c r="Y8" s="9">
        <v>
0.14799999999999999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187"/>
      <c r="B9" s="188"/>
      <c r="C9" s="453"/>
      <c r="D9" s="403"/>
      <c r="E9" s="403"/>
      <c r="F9" s="455"/>
      <c r="G9" s="455"/>
      <c r="H9" s="455"/>
      <c r="I9" s="338"/>
      <c r="J9" s="329"/>
      <c r="K9" s="459"/>
      <c r="L9" s="460"/>
      <c r="M9" s="463"/>
      <c r="N9" s="464"/>
      <c r="O9" s="475"/>
      <c r="P9" s="476"/>
      <c r="Q9" s="337"/>
      <c r="R9" s="465"/>
      <c r="S9" s="465"/>
      <c r="T9" s="465"/>
      <c r="U9" s="338"/>
      <c r="V9" s="468" t="s">
        <v>
34</v>
      </c>
      <c r="W9" s="469"/>
      <c r="X9" s="469"/>
      <c r="Y9" s="11">
        <v>
0.17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58" t="s">
        <v>
36</v>
      </c>
      <c r="B10" s="189"/>
      <c r="C10" s="189"/>
      <c r="D10" s="189"/>
      <c r="E10" s="190"/>
      <c r="F10" s="258" t="s">
        <v>
37</v>
      </c>
      <c r="G10" s="189"/>
      <c r="H10" s="189"/>
      <c r="I10" s="189"/>
      <c r="J10" s="190"/>
      <c r="K10" s="258" t="s">
        <v>
38</v>
      </c>
      <c r="L10" s="189"/>
      <c r="M10" s="189"/>
      <c r="N10" s="190"/>
      <c r="O10" s="475"/>
      <c r="P10" s="476"/>
      <c r="Q10" s="180" t="s">
        <v>
39</v>
      </c>
      <c r="R10" s="365"/>
      <c r="S10" s="365"/>
      <c r="T10" s="365"/>
      <c r="U10" s="355"/>
      <c r="V10" s="444">
        <v>
104.36835989721507</v>
      </c>
      <c r="W10" s="312"/>
      <c r="X10" s="312"/>
      <c r="Y10" s="312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30"/>
      <c r="B11" s="306"/>
      <c r="C11" s="306"/>
      <c r="D11" s="306"/>
      <c r="E11" s="307"/>
      <c r="F11" s="330"/>
      <c r="G11" s="306"/>
      <c r="H11" s="306"/>
      <c r="I11" s="306"/>
      <c r="J11" s="307"/>
      <c r="K11" s="330"/>
      <c r="L11" s="306"/>
      <c r="M11" s="306"/>
      <c r="N11" s="307"/>
      <c r="O11" s="475"/>
      <c r="P11" s="476"/>
      <c r="Q11" s="180" t="s">
        <v>
40</v>
      </c>
      <c r="R11" s="365"/>
      <c r="S11" s="365"/>
      <c r="T11" s="365"/>
      <c r="U11" s="355"/>
      <c r="V11" s="444">
        <v>
4.5674206570928506</v>
      </c>
      <c r="W11" s="312"/>
      <c r="X11" s="312"/>
      <c r="Y11" s="312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72" t="s">
        <v>
41</v>
      </c>
      <c r="B12" s="373"/>
      <c r="C12" s="378" t="s">
        <v>
42</v>
      </c>
      <c r="D12" s="379"/>
      <c r="E12" s="380"/>
      <c r="F12" s="386">
        <v>
1070241</v>
      </c>
      <c r="G12" s="387"/>
      <c r="H12" s="387"/>
      <c r="I12" s="387"/>
      <c r="J12" s="388"/>
      <c r="K12" s="386">
        <v>
948830</v>
      </c>
      <c r="L12" s="387"/>
      <c r="M12" s="387"/>
      <c r="N12" s="388"/>
      <c r="O12" s="475"/>
      <c r="P12" s="476"/>
      <c r="Q12" s="180" t="s">
        <v>
43</v>
      </c>
      <c r="R12" s="365"/>
      <c r="S12" s="365"/>
      <c r="T12" s="365"/>
      <c r="U12" s="355"/>
      <c r="V12" s="444">
        <v>
88.215799057229887</v>
      </c>
      <c r="W12" s="312"/>
      <c r="X12" s="312"/>
      <c r="Y12" s="312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76"/>
      <c r="B13" s="377"/>
      <c r="C13" s="384"/>
      <c r="D13" s="384"/>
      <c r="E13" s="385"/>
      <c r="F13" s="392"/>
      <c r="G13" s="393"/>
      <c r="H13" s="393"/>
      <c r="I13" s="393"/>
      <c r="J13" s="394"/>
      <c r="K13" s="392"/>
      <c r="L13" s="393"/>
      <c r="M13" s="393"/>
      <c r="N13" s="394"/>
      <c r="O13" s="475"/>
      <c r="P13" s="476"/>
      <c r="Q13" s="429" t="s">
        <v>
265</v>
      </c>
      <c r="R13" s="117"/>
      <c r="S13" s="117"/>
      <c r="T13" s="117"/>
      <c r="U13" s="118"/>
      <c r="V13" s="448">
        <v>
125067</v>
      </c>
      <c r="W13" s="449"/>
      <c r="X13" s="449"/>
      <c r="Y13" s="449"/>
      <c r="Z13" s="371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72" t="s">
        <v>
44</v>
      </c>
      <c r="B14" s="373"/>
      <c r="C14" s="378" t="s">
        <v>
45</v>
      </c>
      <c r="D14" s="379"/>
      <c r="E14" s="380"/>
      <c r="F14" s="386">
        <v>
764695</v>
      </c>
      <c r="G14" s="387"/>
      <c r="H14" s="387"/>
      <c r="I14" s="387"/>
      <c r="J14" s="388"/>
      <c r="K14" s="386">
        <v>
754583</v>
      </c>
      <c r="L14" s="387"/>
      <c r="M14" s="387"/>
      <c r="N14" s="388"/>
      <c r="O14" s="475"/>
      <c r="P14" s="476"/>
      <c r="Q14" s="119"/>
      <c r="R14" s="120"/>
      <c r="S14" s="120"/>
      <c r="T14" s="120"/>
      <c r="U14" s="121"/>
      <c r="V14" s="450"/>
      <c r="W14" s="451"/>
      <c r="X14" s="451"/>
      <c r="Y14" s="451"/>
      <c r="Z14" s="338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76"/>
      <c r="B15" s="377"/>
      <c r="C15" s="384"/>
      <c r="D15" s="384"/>
      <c r="E15" s="385"/>
      <c r="F15" s="392"/>
      <c r="G15" s="393"/>
      <c r="H15" s="393"/>
      <c r="I15" s="393"/>
      <c r="J15" s="394"/>
      <c r="K15" s="392"/>
      <c r="L15" s="393"/>
      <c r="M15" s="393"/>
      <c r="N15" s="394"/>
      <c r="O15" s="475"/>
      <c r="P15" s="476"/>
      <c r="Q15" s="445" t="s">
        <v>
46</v>
      </c>
      <c r="R15" s="446"/>
      <c r="S15" s="446"/>
      <c r="T15" s="446"/>
      <c r="U15" s="447"/>
      <c r="V15" s="349">
        <v>
0</v>
      </c>
      <c r="W15" s="350"/>
      <c r="X15" s="350"/>
      <c r="Y15" s="350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72" t="s">
        <v>
47</v>
      </c>
      <c r="B16" s="373"/>
      <c r="C16" s="378" t="s">
        <v>
48</v>
      </c>
      <c r="D16" s="379"/>
      <c r="E16" s="380"/>
      <c r="F16" s="386">
        <v>
305546</v>
      </c>
      <c r="G16" s="387"/>
      <c r="H16" s="387"/>
      <c r="I16" s="387"/>
      <c r="J16" s="388"/>
      <c r="K16" s="386">
        <v>
194247</v>
      </c>
      <c r="L16" s="387"/>
      <c r="M16" s="387"/>
      <c r="N16" s="388"/>
      <c r="O16" s="475"/>
      <c r="P16" s="476"/>
      <c r="Q16" s="429" t="s">
        <v>
49</v>
      </c>
      <c r="R16" s="430"/>
      <c r="S16" s="430"/>
      <c r="T16" s="430"/>
      <c r="U16" s="431"/>
      <c r="V16" s="436">
        <v>
1377374</v>
      </c>
      <c r="W16" s="437"/>
      <c r="X16" s="437"/>
      <c r="Y16" s="437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76"/>
      <c r="B17" s="377"/>
      <c r="C17" s="384"/>
      <c r="D17" s="384"/>
      <c r="E17" s="385"/>
      <c r="F17" s="392"/>
      <c r="G17" s="393"/>
      <c r="H17" s="393"/>
      <c r="I17" s="393"/>
      <c r="J17" s="394"/>
      <c r="K17" s="392"/>
      <c r="L17" s="393"/>
      <c r="M17" s="393"/>
      <c r="N17" s="394"/>
      <c r="O17" s="475"/>
      <c r="P17" s="476"/>
      <c r="Q17" s="500"/>
      <c r="R17" s="501"/>
      <c r="S17" s="501"/>
      <c r="T17" s="501"/>
      <c r="U17" s="502"/>
      <c r="V17" s="438" t="s">
        <v>
50</v>
      </c>
      <c r="W17" s="503"/>
      <c r="X17" s="439">
        <v>
817227</v>
      </c>
      <c r="Y17" s="439"/>
      <c r="Z17" s="428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72" t="s">
        <v>
51</v>
      </c>
      <c r="B18" s="373"/>
      <c r="C18" s="378" t="s">
        <v>
52</v>
      </c>
      <c r="D18" s="379"/>
      <c r="E18" s="380"/>
      <c r="F18" s="386">
        <v>
54944</v>
      </c>
      <c r="G18" s="387"/>
      <c r="H18" s="387"/>
      <c r="I18" s="387"/>
      <c r="J18" s="388"/>
      <c r="K18" s="386">
        <v>
0</v>
      </c>
      <c r="L18" s="387"/>
      <c r="M18" s="387"/>
      <c r="N18" s="388"/>
      <c r="O18" s="475"/>
      <c r="P18" s="476"/>
      <c r="Q18" s="504"/>
      <c r="R18" s="505"/>
      <c r="S18" s="505"/>
      <c r="T18" s="505"/>
      <c r="U18" s="506"/>
      <c r="V18" s="507"/>
      <c r="W18" s="508"/>
      <c r="X18" s="509"/>
      <c r="Y18" s="509"/>
      <c r="Z18" s="510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76"/>
      <c r="B19" s="377"/>
      <c r="C19" s="384"/>
      <c r="D19" s="384"/>
      <c r="E19" s="385"/>
      <c r="F19" s="392"/>
      <c r="G19" s="393"/>
      <c r="H19" s="393"/>
      <c r="I19" s="393"/>
      <c r="J19" s="394"/>
      <c r="K19" s="392"/>
      <c r="L19" s="393"/>
      <c r="M19" s="393"/>
      <c r="N19" s="394"/>
      <c r="O19" s="475"/>
      <c r="P19" s="476"/>
      <c r="Q19" s="429" t="s">
        <v>
53</v>
      </c>
      <c r="R19" s="430"/>
      <c r="S19" s="430"/>
      <c r="T19" s="430"/>
      <c r="U19" s="431"/>
      <c r="V19" s="432">
        <v>
-1252307</v>
      </c>
      <c r="W19" s="433"/>
      <c r="X19" s="433"/>
      <c r="Y19" s="433"/>
      <c r="Z19" s="371" t="s">
        <v>
21</v>
      </c>
      <c r="AB19" s="13"/>
      <c r="AC19" s="13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2" t="s">
        <v>
54</v>
      </c>
      <c r="B20" s="373"/>
      <c r="C20" s="378" t="s">
        <v>
55</v>
      </c>
      <c r="D20" s="378"/>
      <c r="E20" s="401"/>
      <c r="F20" s="386">
        <v>
250602</v>
      </c>
      <c r="G20" s="440"/>
      <c r="H20" s="440"/>
      <c r="I20" s="440"/>
      <c r="J20" s="441"/>
      <c r="K20" s="386">
        <v>
194247</v>
      </c>
      <c r="L20" s="440"/>
      <c r="M20" s="440"/>
      <c r="N20" s="441"/>
      <c r="O20" s="475"/>
      <c r="P20" s="476"/>
      <c r="Q20" s="500"/>
      <c r="R20" s="501"/>
      <c r="S20" s="501"/>
      <c r="T20" s="501"/>
      <c r="U20" s="502"/>
      <c r="V20" s="434"/>
      <c r="W20" s="435"/>
      <c r="X20" s="435"/>
      <c r="Y20" s="435"/>
      <c r="Z20" s="338"/>
      <c r="AB20" s="14"/>
      <c r="AC20" s="14"/>
      <c r="AD20" s="14"/>
      <c r="AE20" s="16"/>
      <c r="AF20" s="511"/>
      <c r="AG20" s="511"/>
      <c r="AH20" s="511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24"/>
      <c r="B21" s="375"/>
      <c r="C21" s="381"/>
      <c r="D21" s="381"/>
      <c r="E21" s="402"/>
      <c r="F21" s="389"/>
      <c r="G21" s="442"/>
      <c r="H21" s="442"/>
      <c r="I21" s="442"/>
      <c r="J21" s="443"/>
      <c r="K21" s="389"/>
      <c r="L21" s="442"/>
      <c r="M21" s="442"/>
      <c r="N21" s="443"/>
      <c r="O21" s="475"/>
      <c r="P21" s="476"/>
      <c r="Q21" s="180" t="s">
        <v>
56</v>
      </c>
      <c r="R21" s="365"/>
      <c r="S21" s="365"/>
      <c r="T21" s="365"/>
      <c r="U21" s="355"/>
      <c r="V21" s="311">
        <v>
0</v>
      </c>
      <c r="W21" s="312"/>
      <c r="X21" s="312"/>
      <c r="Y21" s="312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2" t="s">
        <v>
57</v>
      </c>
      <c r="B22" s="373"/>
      <c r="C22" s="378" t="s">
        <v>
58</v>
      </c>
      <c r="D22" s="378"/>
      <c r="E22" s="401"/>
      <c r="F22" s="418">
        <v>
56355</v>
      </c>
      <c r="G22" s="419"/>
      <c r="H22" s="419"/>
      <c r="I22" s="419"/>
      <c r="J22" s="420"/>
      <c r="K22" s="418">
        <v>
159905</v>
      </c>
      <c r="L22" s="419"/>
      <c r="M22" s="419"/>
      <c r="N22" s="420"/>
      <c r="O22" s="475"/>
      <c r="P22" s="476"/>
      <c r="Q22" s="180" t="s">
        <v>
59</v>
      </c>
      <c r="R22" s="365"/>
      <c r="S22" s="365"/>
      <c r="T22" s="365"/>
      <c r="U22" s="355"/>
      <c r="V22" s="311">
        <v>
0</v>
      </c>
      <c r="W22" s="312"/>
      <c r="X22" s="312"/>
      <c r="Y22" s="312"/>
      <c r="Z22" s="4" t="s">
        <v>
60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76"/>
      <c r="B23" s="377"/>
      <c r="C23" s="403"/>
      <c r="D23" s="403"/>
      <c r="E23" s="404"/>
      <c r="F23" s="421"/>
      <c r="G23" s="422"/>
      <c r="H23" s="422"/>
      <c r="I23" s="422"/>
      <c r="J23" s="423"/>
      <c r="K23" s="421"/>
      <c r="L23" s="422"/>
      <c r="M23" s="422"/>
      <c r="N23" s="423"/>
      <c r="O23" s="475"/>
      <c r="P23" s="476"/>
      <c r="Q23" s="258" t="s">
        <v>
61</v>
      </c>
      <c r="R23" s="512"/>
      <c r="S23" s="512"/>
      <c r="T23" s="512"/>
      <c r="U23" s="512"/>
      <c r="V23" s="512"/>
      <c r="W23" s="512"/>
      <c r="X23" s="512"/>
      <c r="Y23" s="512"/>
      <c r="Z23" s="513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2" t="s">
        <v>
62</v>
      </c>
      <c r="B24" s="373"/>
      <c r="C24" s="378" t="s">
        <v>
63</v>
      </c>
      <c r="D24" s="378"/>
      <c r="E24" s="401"/>
      <c r="F24" s="418">
        <v>
76</v>
      </c>
      <c r="G24" s="419"/>
      <c r="H24" s="419"/>
      <c r="I24" s="419"/>
      <c r="J24" s="420"/>
      <c r="K24" s="418">
        <v>
76</v>
      </c>
      <c r="L24" s="419"/>
      <c r="M24" s="419"/>
      <c r="N24" s="420"/>
      <c r="O24" s="475"/>
      <c r="P24" s="476"/>
      <c r="Q24" s="500"/>
      <c r="R24" s="514"/>
      <c r="S24" s="514"/>
      <c r="T24" s="514"/>
      <c r="U24" s="514"/>
      <c r="V24" s="514"/>
      <c r="W24" s="514"/>
      <c r="X24" s="514"/>
      <c r="Y24" s="514"/>
      <c r="Z24" s="502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76"/>
      <c r="B25" s="377"/>
      <c r="C25" s="403"/>
      <c r="D25" s="403"/>
      <c r="E25" s="404"/>
      <c r="F25" s="421"/>
      <c r="G25" s="422"/>
      <c r="H25" s="422"/>
      <c r="I25" s="422"/>
      <c r="J25" s="423"/>
      <c r="K25" s="421"/>
      <c r="L25" s="422"/>
      <c r="M25" s="422"/>
      <c r="N25" s="423"/>
      <c r="O25" s="475"/>
      <c r="P25" s="476"/>
      <c r="Q25" s="504"/>
      <c r="R25" s="505"/>
      <c r="S25" s="505"/>
      <c r="T25" s="505"/>
      <c r="U25" s="505"/>
      <c r="V25" s="505"/>
      <c r="W25" s="505"/>
      <c r="X25" s="505"/>
      <c r="Y25" s="505"/>
      <c r="Z25" s="506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72" t="s">
        <v>
64</v>
      </c>
      <c r="B26" s="373"/>
      <c r="C26" s="378" t="s">
        <v>
65</v>
      </c>
      <c r="D26" s="378"/>
      <c r="E26" s="401"/>
      <c r="F26" s="418">
        <v>
0</v>
      </c>
      <c r="G26" s="419"/>
      <c r="H26" s="419"/>
      <c r="I26" s="419"/>
      <c r="J26" s="420"/>
      <c r="K26" s="418">
        <v>
0</v>
      </c>
      <c r="L26" s="419"/>
      <c r="M26" s="419"/>
      <c r="N26" s="420"/>
      <c r="O26" s="475"/>
      <c r="P26" s="476"/>
      <c r="Q26" s="116" t="s">
        <v>
66</v>
      </c>
      <c r="R26" s="117"/>
      <c r="S26" s="117"/>
      <c r="T26" s="117"/>
      <c r="U26" s="118"/>
      <c r="V26" s="397" t="s">
        <v>
67</v>
      </c>
      <c r="W26" s="398"/>
      <c r="X26" s="398"/>
      <c r="Y26" s="416">
        <v>
15</v>
      </c>
      <c r="Z26" s="371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24"/>
      <c r="B27" s="375"/>
      <c r="C27" s="381"/>
      <c r="D27" s="381"/>
      <c r="E27" s="402"/>
      <c r="F27" s="425"/>
      <c r="G27" s="426"/>
      <c r="H27" s="426"/>
      <c r="I27" s="426"/>
      <c r="J27" s="427"/>
      <c r="K27" s="425"/>
      <c r="L27" s="426"/>
      <c r="M27" s="426"/>
      <c r="N27" s="427"/>
      <c r="O27" s="475"/>
      <c r="P27" s="476"/>
      <c r="Q27" s="119"/>
      <c r="R27" s="120"/>
      <c r="S27" s="120"/>
      <c r="T27" s="120"/>
      <c r="U27" s="121"/>
      <c r="V27" s="399"/>
      <c r="W27" s="400"/>
      <c r="X27" s="400"/>
      <c r="Y27" s="417"/>
      <c r="Z27" s="338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76"/>
      <c r="B28" s="377"/>
      <c r="C28" s="403"/>
      <c r="D28" s="403"/>
      <c r="E28" s="404"/>
      <c r="F28" s="421"/>
      <c r="G28" s="422"/>
      <c r="H28" s="422"/>
      <c r="I28" s="422"/>
      <c r="J28" s="423"/>
      <c r="K28" s="421"/>
      <c r="L28" s="422"/>
      <c r="M28" s="422"/>
      <c r="N28" s="423"/>
      <c r="O28" s="475"/>
      <c r="P28" s="476"/>
      <c r="Q28" s="116" t="s">
        <v>
68</v>
      </c>
      <c r="R28" s="117"/>
      <c r="S28" s="117"/>
      <c r="T28" s="117"/>
      <c r="U28" s="118"/>
      <c r="V28" s="397" t="s">
        <v>
67</v>
      </c>
      <c r="W28" s="398"/>
      <c r="X28" s="398"/>
      <c r="Y28" s="416">
        <v>
20</v>
      </c>
      <c r="Z28" s="371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72" t="s">
        <v>
69</v>
      </c>
      <c r="B29" s="373"/>
      <c r="C29" s="378" t="s">
        <v>
70</v>
      </c>
      <c r="D29" s="378"/>
      <c r="E29" s="401"/>
      <c r="F29" s="395">
        <v>
0</v>
      </c>
      <c r="G29" s="405"/>
      <c r="H29" s="405"/>
      <c r="I29" s="405"/>
      <c r="J29" s="406"/>
      <c r="K29" s="395">
        <v>
0</v>
      </c>
      <c r="L29" s="405"/>
      <c r="M29" s="405"/>
      <c r="N29" s="406"/>
      <c r="O29" s="475"/>
      <c r="P29" s="476"/>
      <c r="Q29" s="119"/>
      <c r="R29" s="120"/>
      <c r="S29" s="120"/>
      <c r="T29" s="120"/>
      <c r="U29" s="121"/>
      <c r="V29" s="399"/>
      <c r="W29" s="400"/>
      <c r="X29" s="400"/>
      <c r="Y29" s="417"/>
      <c r="Z29" s="338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74"/>
      <c r="B30" s="375"/>
      <c r="C30" s="381"/>
      <c r="D30" s="381"/>
      <c r="E30" s="402"/>
      <c r="F30" s="396"/>
      <c r="G30" s="407"/>
      <c r="H30" s="407"/>
      <c r="I30" s="407"/>
      <c r="J30" s="408"/>
      <c r="K30" s="396"/>
      <c r="L30" s="407"/>
      <c r="M30" s="407"/>
      <c r="N30" s="408"/>
      <c r="O30" s="475"/>
      <c r="P30" s="476"/>
      <c r="Q30" s="116" t="s">
        <v>
71</v>
      </c>
      <c r="R30" s="117"/>
      <c r="S30" s="117"/>
      <c r="T30" s="117"/>
      <c r="U30" s="118"/>
      <c r="V30" s="412">
        <v>
-0.3</v>
      </c>
      <c r="W30" s="413"/>
      <c r="X30" s="413"/>
      <c r="Y30" s="369">
        <v>
25</v>
      </c>
      <c r="Z30" s="371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76"/>
      <c r="B31" s="377"/>
      <c r="C31" s="403"/>
      <c r="D31" s="403"/>
      <c r="E31" s="404"/>
      <c r="F31" s="409"/>
      <c r="G31" s="410"/>
      <c r="H31" s="410"/>
      <c r="I31" s="410"/>
      <c r="J31" s="411"/>
      <c r="K31" s="409"/>
      <c r="L31" s="410"/>
      <c r="M31" s="410"/>
      <c r="N31" s="411"/>
      <c r="O31" s="475"/>
      <c r="P31" s="476"/>
      <c r="Q31" s="119"/>
      <c r="R31" s="120"/>
      <c r="S31" s="120"/>
      <c r="T31" s="120"/>
      <c r="U31" s="121"/>
      <c r="V31" s="414"/>
      <c r="W31" s="415"/>
      <c r="X31" s="415"/>
      <c r="Y31" s="370"/>
      <c r="Z31" s="338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72" t="s">
        <v>
72</v>
      </c>
      <c r="B32" s="373"/>
      <c r="C32" s="378" t="s">
        <v>
73</v>
      </c>
      <c r="D32" s="379"/>
      <c r="E32" s="380"/>
      <c r="F32" s="386">
        <v>
56431</v>
      </c>
      <c r="G32" s="387"/>
      <c r="H32" s="387"/>
      <c r="I32" s="387"/>
      <c r="J32" s="388"/>
      <c r="K32" s="395">
        <v>
159981</v>
      </c>
      <c r="L32" s="387"/>
      <c r="M32" s="387"/>
      <c r="N32" s="388"/>
      <c r="O32" s="475"/>
      <c r="P32" s="476"/>
      <c r="Q32" s="116" t="s">
        <v>
74</v>
      </c>
      <c r="R32" s="117"/>
      <c r="S32" s="117"/>
      <c r="T32" s="117"/>
      <c r="U32" s="118"/>
      <c r="V32" s="397" t="s">
        <v>
67</v>
      </c>
      <c r="W32" s="398"/>
      <c r="X32" s="398"/>
      <c r="Y32" s="369">
        <v>
350</v>
      </c>
      <c r="Z32" s="371" t="s">
        <v>
23</v>
      </c>
      <c r="AB32" s="83"/>
      <c r="AC32" s="83"/>
      <c r="AD32" s="83"/>
      <c r="AE32" s="93"/>
      <c r="AF32" s="511"/>
      <c r="AG32" s="511"/>
      <c r="AH32" s="511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74"/>
      <c r="B33" s="375"/>
      <c r="C33" s="381"/>
      <c r="D33" s="382"/>
      <c r="E33" s="383"/>
      <c r="F33" s="389"/>
      <c r="G33" s="390"/>
      <c r="H33" s="390"/>
      <c r="I33" s="390"/>
      <c r="J33" s="391"/>
      <c r="K33" s="396"/>
      <c r="L33" s="390"/>
      <c r="M33" s="390"/>
      <c r="N33" s="391"/>
      <c r="O33" s="475"/>
      <c r="P33" s="476"/>
      <c r="Q33" s="119"/>
      <c r="R33" s="120"/>
      <c r="S33" s="120"/>
      <c r="T33" s="120"/>
      <c r="U33" s="121"/>
      <c r="V33" s="399"/>
      <c r="W33" s="400"/>
      <c r="X33" s="400"/>
      <c r="Y33" s="370"/>
      <c r="Z33" s="338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76"/>
      <c r="B34" s="377"/>
      <c r="C34" s="384"/>
      <c r="D34" s="384"/>
      <c r="E34" s="385"/>
      <c r="F34" s="392"/>
      <c r="G34" s="393"/>
      <c r="H34" s="393"/>
      <c r="I34" s="393"/>
      <c r="J34" s="394"/>
      <c r="K34" s="392"/>
      <c r="L34" s="393"/>
      <c r="M34" s="393"/>
      <c r="N34" s="394"/>
      <c r="O34" s="477"/>
      <c r="P34" s="478"/>
      <c r="Q34" s="346"/>
      <c r="R34" s="347"/>
      <c r="S34" s="347"/>
      <c r="T34" s="347"/>
      <c r="U34" s="347"/>
      <c r="V34" s="347"/>
      <c r="W34" s="347"/>
      <c r="X34" s="347"/>
      <c r="Y34" s="347"/>
      <c r="Z34" s="348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56" t="s">
        <v>
75</v>
      </c>
      <c r="B35" s="515"/>
      <c r="C35" s="515"/>
      <c r="D35" s="515"/>
      <c r="E35" s="515"/>
      <c r="F35" s="515"/>
      <c r="G35" s="515"/>
      <c r="H35" s="357" t="s">
        <v>
76</v>
      </c>
      <c r="I35" s="358"/>
      <c r="J35" s="358"/>
      <c r="K35" s="358"/>
      <c r="L35" s="359" t="s">
        <v>
77</v>
      </c>
      <c r="M35" s="516"/>
      <c r="N35" s="73"/>
      <c r="O35" s="517"/>
      <c r="P35" s="63" t="s">
        <v>
78</v>
      </c>
      <c r="Q35" s="517"/>
      <c r="R35" s="517"/>
      <c r="S35" s="517"/>
      <c r="T35" s="20" t="s">
        <v>
79</v>
      </c>
      <c r="U35" s="357" t="s">
        <v>
80</v>
      </c>
      <c r="V35" s="358"/>
      <c r="W35" s="358"/>
      <c r="X35" s="358"/>
      <c r="Y35" s="68" t="s">
        <v>
81</v>
      </c>
      <c r="Z35" s="518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09" t="s">
        <v>
82</v>
      </c>
      <c r="B36" s="360"/>
      <c r="C36" s="361"/>
      <c r="D36" s="362" t="s">
        <v>
83</v>
      </c>
      <c r="E36" s="363"/>
      <c r="F36" s="364"/>
      <c r="G36" s="362" t="s">
        <v>
84</v>
      </c>
      <c r="H36" s="365"/>
      <c r="I36" s="365"/>
      <c r="J36" s="355"/>
      <c r="K36" s="362" t="s">
        <v>
85</v>
      </c>
      <c r="L36" s="365"/>
      <c r="M36" s="355"/>
      <c r="N36" s="366" t="s">
        <v>
86</v>
      </c>
      <c r="O36" s="367"/>
      <c r="P36" s="367"/>
      <c r="Q36" s="368"/>
      <c r="R36" s="109" t="s">
        <v>
87</v>
      </c>
      <c r="S36" s="360"/>
      <c r="T36" s="361"/>
      <c r="U36" s="362" t="s">
        <v>
88</v>
      </c>
      <c r="V36" s="363"/>
      <c r="W36" s="363"/>
      <c r="X36" s="363"/>
      <c r="Y36" s="363"/>
      <c r="Z36" s="364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58" t="s">
        <v>
89</v>
      </c>
      <c r="B37" s="354"/>
      <c r="C37" s="353"/>
      <c r="D37" s="320">
        <v>
26</v>
      </c>
      <c r="E37" s="351"/>
      <c r="F37" s="352"/>
      <c r="G37" s="320">
        <v>
6326</v>
      </c>
      <c r="H37" s="321"/>
      <c r="I37" s="321"/>
      <c r="J37" s="322"/>
      <c r="K37" s="320">
        <v>
243288</v>
      </c>
      <c r="L37" s="321"/>
      <c r="M37" s="322"/>
      <c r="N37" s="180" t="s">
        <v>
90</v>
      </c>
      <c r="O37" s="181"/>
      <c r="P37" s="181"/>
      <c r="Q37" s="64"/>
      <c r="R37" s="339" t="s">
        <v>
256</v>
      </c>
      <c r="S37" s="340"/>
      <c r="T37" s="341"/>
      <c r="U37" s="342">
        <v>
600000</v>
      </c>
      <c r="V37" s="343"/>
      <c r="W37" s="343"/>
      <c r="X37" s="343"/>
      <c r="Y37" s="343"/>
      <c r="Z37" s="344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09" t="s">
        <v>
91</v>
      </c>
      <c r="C38" s="355"/>
      <c r="D38" s="320">
        <v>
7</v>
      </c>
      <c r="E38" s="351"/>
      <c r="F38" s="352"/>
      <c r="G38" s="320">
        <v>
1590</v>
      </c>
      <c r="H38" s="321"/>
      <c r="I38" s="321"/>
      <c r="J38" s="322"/>
      <c r="K38" s="320">
        <v>
227143</v>
      </c>
      <c r="L38" s="321"/>
      <c r="M38" s="322"/>
      <c r="N38" s="180" t="s">
        <v>
92</v>
      </c>
      <c r="O38" s="181"/>
      <c r="P38" s="181"/>
      <c r="Q38" s="64"/>
      <c r="R38" s="339" t="s">
        <v>
258</v>
      </c>
      <c r="S38" s="340"/>
      <c r="T38" s="341"/>
      <c r="U38" s="342">
        <v>
530000</v>
      </c>
      <c r="V38" s="343"/>
      <c r="W38" s="343"/>
      <c r="X38" s="343"/>
      <c r="Y38" s="343"/>
      <c r="Z38" s="344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519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80" t="s">
        <v>
93</v>
      </c>
      <c r="B39" s="181"/>
      <c r="C39" s="182"/>
      <c r="D39" s="320"/>
      <c r="E39" s="321"/>
      <c r="F39" s="322"/>
      <c r="G39" s="320"/>
      <c r="H39" s="321"/>
      <c r="I39" s="321"/>
      <c r="J39" s="322"/>
      <c r="K39" s="320"/>
      <c r="L39" s="321"/>
      <c r="M39" s="322"/>
      <c r="N39" s="180" t="s">
        <v>
94</v>
      </c>
      <c r="O39" s="181"/>
      <c r="P39" s="181"/>
      <c r="Q39" s="64"/>
      <c r="R39" s="339" t="s">
        <v>
257</v>
      </c>
      <c r="S39" s="340"/>
      <c r="T39" s="341"/>
      <c r="U39" s="342">
        <v>
530000</v>
      </c>
      <c r="V39" s="343"/>
      <c r="W39" s="343"/>
      <c r="X39" s="343"/>
      <c r="Y39" s="343"/>
      <c r="Z39" s="344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519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0" t="s">
        <v>
95</v>
      </c>
      <c r="B40" s="181"/>
      <c r="C40" s="182"/>
      <c r="D40" s="320"/>
      <c r="E40" s="321"/>
      <c r="F40" s="322"/>
      <c r="G40" s="320"/>
      <c r="H40" s="321"/>
      <c r="I40" s="321"/>
      <c r="J40" s="322"/>
      <c r="K40" s="320"/>
      <c r="L40" s="321"/>
      <c r="M40" s="322"/>
      <c r="N40" s="180"/>
      <c r="O40" s="181"/>
      <c r="P40" s="181"/>
      <c r="Q40" s="64"/>
      <c r="R40" s="339" t="s">
        <v>
259</v>
      </c>
      <c r="S40" s="340"/>
      <c r="T40" s="341"/>
      <c r="U40" s="342"/>
      <c r="V40" s="343"/>
      <c r="W40" s="343"/>
      <c r="X40" s="343"/>
      <c r="Y40" s="343"/>
      <c r="Z40" s="344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0" t="s">
        <v>
96</v>
      </c>
      <c r="B41" s="181"/>
      <c r="C41" s="182"/>
      <c r="D41" s="320"/>
      <c r="E41" s="321"/>
      <c r="F41" s="322"/>
      <c r="G41" s="320"/>
      <c r="H41" s="321"/>
      <c r="I41" s="321"/>
      <c r="J41" s="322"/>
      <c r="K41" s="320"/>
      <c r="L41" s="351"/>
      <c r="M41" s="352"/>
      <c r="N41" s="258" t="s">
        <v>
97</v>
      </c>
      <c r="O41" s="353"/>
      <c r="P41" s="62" t="s">
        <v>
98</v>
      </c>
      <c r="Q41" s="65"/>
      <c r="R41" s="339" t="s">
        <v>
260</v>
      </c>
      <c r="S41" s="340"/>
      <c r="T41" s="341"/>
      <c r="U41" s="342">
        <v>
180000</v>
      </c>
      <c r="V41" s="343"/>
      <c r="W41" s="343"/>
      <c r="X41" s="343"/>
      <c r="Y41" s="343"/>
      <c r="Z41" s="344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9</v>
      </c>
      <c r="B42" s="110"/>
      <c r="C42" s="111"/>
      <c r="D42" s="320"/>
      <c r="E42" s="321"/>
      <c r="F42" s="322"/>
      <c r="G42" s="320"/>
      <c r="H42" s="321"/>
      <c r="I42" s="321"/>
      <c r="J42" s="322"/>
      <c r="K42" s="320"/>
      <c r="L42" s="351"/>
      <c r="M42" s="352"/>
      <c r="N42" s="325"/>
      <c r="O42" s="324"/>
      <c r="P42" s="62" t="s">
        <v>
100</v>
      </c>
      <c r="Q42" s="65"/>
      <c r="R42" s="339" t="s">
        <v>
261</v>
      </c>
      <c r="S42" s="340"/>
      <c r="T42" s="341"/>
      <c r="U42" s="342">
        <v>
155000</v>
      </c>
      <c r="V42" s="343"/>
      <c r="W42" s="343"/>
      <c r="X42" s="343"/>
      <c r="Y42" s="343"/>
      <c r="Z42" s="344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8"/>
      <c r="B43" s="520"/>
      <c r="C43" s="326" t="s">
        <v>
101</v>
      </c>
      <c r="D43" s="328" t="s">
        <v>
102</v>
      </c>
      <c r="E43" s="185" t="s">
        <v>
103</v>
      </c>
      <c r="F43" s="189"/>
      <c r="G43" s="190"/>
      <c r="H43" s="185" t="s">
        <v>
104</v>
      </c>
      <c r="I43" s="331"/>
      <c r="J43" s="331"/>
      <c r="K43" s="332"/>
      <c r="L43" s="185" t="s">
        <v>
105</v>
      </c>
      <c r="M43" s="186"/>
      <c r="N43" s="336" t="s">
        <v>
106</v>
      </c>
      <c r="O43" s="324"/>
      <c r="P43" s="62" t="s">
        <v>
107</v>
      </c>
      <c r="Q43" s="65"/>
      <c r="R43" s="339" t="s">
        <v>
262</v>
      </c>
      <c r="S43" s="340"/>
      <c r="T43" s="341"/>
      <c r="U43" s="342">
        <v>
140000</v>
      </c>
      <c r="V43" s="343"/>
      <c r="W43" s="343"/>
      <c r="X43" s="343"/>
      <c r="Y43" s="343"/>
      <c r="Z43" s="344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5" t="s">
        <v>
108</v>
      </c>
      <c r="B44" s="324"/>
      <c r="C44" s="327"/>
      <c r="D44" s="329"/>
      <c r="E44" s="330"/>
      <c r="F44" s="306"/>
      <c r="G44" s="307"/>
      <c r="H44" s="333"/>
      <c r="I44" s="334"/>
      <c r="J44" s="334"/>
      <c r="K44" s="335"/>
      <c r="L44" s="187"/>
      <c r="M44" s="188"/>
      <c r="N44" s="337"/>
      <c r="O44" s="338"/>
      <c r="P44" s="67" t="s">
        <v>
109</v>
      </c>
      <c r="Q44" s="521"/>
      <c r="R44" s="521"/>
      <c r="S44" s="22">
        <v>
6</v>
      </c>
      <c r="T44" s="23" t="s">
        <v>
110</v>
      </c>
      <c r="U44" s="346"/>
      <c r="V44" s="347"/>
      <c r="W44" s="347"/>
      <c r="X44" s="347"/>
      <c r="Y44" s="347"/>
      <c r="Z44" s="348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5"/>
      <c r="B45" s="324"/>
      <c r="C45" s="24" t="s">
        <v>
111</v>
      </c>
      <c r="D45" s="25"/>
      <c r="E45" s="320">
        <v>
14703</v>
      </c>
      <c r="F45" s="321"/>
      <c r="G45" s="322"/>
      <c r="H45" s="320">
        <v>
1327</v>
      </c>
      <c r="I45" s="321"/>
      <c r="J45" s="321"/>
      <c r="K45" s="322"/>
      <c r="L45" s="320">
        <v>
0</v>
      </c>
      <c r="M45" s="322"/>
      <c r="N45" s="308"/>
      <c r="O45" s="520"/>
      <c r="P45" s="62" t="s">
        <v>
112</v>
      </c>
      <c r="Q45" s="63"/>
      <c r="R45" s="63"/>
      <c r="S45" s="63"/>
      <c r="T45" s="64"/>
      <c r="U45" s="311">
        <v>
30</v>
      </c>
      <c r="V45" s="312"/>
      <c r="W45" s="312"/>
      <c r="X45" s="312"/>
      <c r="Y45" s="312"/>
      <c r="Z45" s="4" t="s">
        <v>
113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5"/>
      <c r="B46" s="324"/>
      <c r="C46" s="24" t="s">
        <v>
114</v>
      </c>
      <c r="D46" s="25"/>
      <c r="E46" s="320">
        <v>
5122</v>
      </c>
      <c r="F46" s="321"/>
      <c r="G46" s="322"/>
      <c r="H46" s="320">
        <v>
8915</v>
      </c>
      <c r="I46" s="321"/>
      <c r="J46" s="321"/>
      <c r="K46" s="322"/>
      <c r="L46" s="320">
        <v>
0</v>
      </c>
      <c r="M46" s="322"/>
      <c r="N46" s="323" t="s">
        <v>
115</v>
      </c>
      <c r="O46" s="324"/>
      <c r="P46" s="62" t="s">
        <v>
116</v>
      </c>
      <c r="Q46" s="63"/>
      <c r="R46" s="63"/>
      <c r="S46" s="63"/>
      <c r="T46" s="64"/>
      <c r="U46" s="311">
        <v>
43</v>
      </c>
      <c r="V46" s="312"/>
      <c r="W46" s="312"/>
      <c r="X46" s="312"/>
      <c r="Y46" s="312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5"/>
      <c r="B47" s="324"/>
      <c r="C47" s="24" t="s">
        <v>
117</v>
      </c>
      <c r="D47" s="25"/>
      <c r="E47" s="320">
        <v>
3297</v>
      </c>
      <c r="F47" s="321"/>
      <c r="G47" s="322"/>
      <c r="H47" s="320">
        <v>
2907</v>
      </c>
      <c r="I47" s="321"/>
      <c r="J47" s="321"/>
      <c r="K47" s="322"/>
      <c r="L47" s="320">
        <v>
0</v>
      </c>
      <c r="M47" s="322"/>
      <c r="N47" s="325"/>
      <c r="O47" s="324"/>
      <c r="P47" s="62" t="s">
        <v>
118</v>
      </c>
      <c r="Q47" s="63"/>
      <c r="R47" s="63"/>
      <c r="S47" s="63"/>
      <c r="T47" s="64"/>
      <c r="U47" s="311">
        <v>
168500</v>
      </c>
      <c r="V47" s="312"/>
      <c r="W47" s="312"/>
      <c r="X47" s="312"/>
      <c r="Y47" s="312"/>
      <c r="Z47" s="4" t="s">
        <v>
119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5"/>
      <c r="B48" s="324"/>
      <c r="C48" s="24"/>
      <c r="D48" s="87"/>
      <c r="E48" s="320"/>
      <c r="F48" s="321"/>
      <c r="G48" s="322"/>
      <c r="H48" s="320"/>
      <c r="I48" s="321"/>
      <c r="J48" s="321"/>
      <c r="K48" s="322"/>
      <c r="L48" s="320"/>
      <c r="M48" s="322"/>
      <c r="N48" s="325"/>
      <c r="O48" s="324"/>
      <c r="P48" s="62" t="s">
        <v>
120</v>
      </c>
      <c r="Q48" s="63"/>
      <c r="R48" s="63"/>
      <c r="S48" s="63"/>
      <c r="T48" s="64"/>
      <c r="U48" s="349">
        <v>
117558.13953488372</v>
      </c>
      <c r="V48" s="350"/>
      <c r="W48" s="350"/>
      <c r="X48" s="350"/>
      <c r="Y48" s="350"/>
      <c r="Z48" s="4" t="s">
        <v>
119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5"/>
      <c r="B49" s="324"/>
      <c r="C49" s="24"/>
      <c r="D49" s="87"/>
      <c r="E49" s="320"/>
      <c r="F49" s="321"/>
      <c r="G49" s="322"/>
      <c r="H49" s="320"/>
      <c r="I49" s="321"/>
      <c r="J49" s="321"/>
      <c r="K49" s="322"/>
      <c r="L49" s="320"/>
      <c r="M49" s="322"/>
      <c r="N49" s="325"/>
      <c r="O49" s="324"/>
      <c r="P49" s="62" t="s">
        <v>
121</v>
      </c>
      <c r="Q49" s="63"/>
      <c r="R49" s="63"/>
      <c r="S49" s="63"/>
      <c r="T49" s="64"/>
      <c r="U49" s="311">
        <v>
652465.1162790698</v>
      </c>
      <c r="V49" s="312"/>
      <c r="W49" s="312"/>
      <c r="X49" s="312"/>
      <c r="Y49" s="312"/>
      <c r="Z49" s="4" t="s">
        <v>
119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5"/>
      <c r="B50" s="324"/>
      <c r="C50" s="24"/>
      <c r="D50" s="87"/>
      <c r="E50" s="320"/>
      <c r="F50" s="321"/>
      <c r="G50" s="322"/>
      <c r="H50" s="320"/>
      <c r="I50" s="321"/>
      <c r="J50" s="321"/>
      <c r="K50" s="322"/>
      <c r="L50" s="320"/>
      <c r="M50" s="322"/>
      <c r="N50" s="325"/>
      <c r="O50" s="324"/>
      <c r="P50" s="62" t="s">
        <v>
122</v>
      </c>
      <c r="Q50" s="63"/>
      <c r="R50" s="63"/>
      <c r="S50" s="63"/>
      <c r="T50" s="64"/>
      <c r="U50" s="311">
        <v>
5055</v>
      </c>
      <c r="V50" s="312"/>
      <c r="W50" s="312"/>
      <c r="X50" s="312"/>
      <c r="Y50" s="312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5"/>
      <c r="B51" s="324"/>
      <c r="C51" s="24"/>
      <c r="D51" s="87"/>
      <c r="E51" s="320"/>
      <c r="F51" s="321"/>
      <c r="G51" s="322"/>
      <c r="H51" s="320"/>
      <c r="I51" s="321"/>
      <c r="J51" s="321"/>
      <c r="K51" s="322"/>
      <c r="L51" s="320"/>
      <c r="M51" s="322"/>
      <c r="N51" s="325"/>
      <c r="O51" s="324"/>
      <c r="P51" s="62" t="s">
        <v>
123</v>
      </c>
      <c r="Q51" s="63"/>
      <c r="R51" s="63"/>
      <c r="S51" s="63"/>
      <c r="T51" s="64"/>
      <c r="U51" s="311">
        <v>
13441</v>
      </c>
      <c r="V51" s="312"/>
      <c r="W51" s="312"/>
      <c r="X51" s="312"/>
      <c r="Y51" s="312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5"/>
      <c r="B52" s="324"/>
      <c r="C52" s="26"/>
      <c r="D52" s="87"/>
      <c r="E52" s="313"/>
      <c r="F52" s="314"/>
      <c r="G52" s="315"/>
      <c r="H52" s="313"/>
      <c r="I52" s="314"/>
      <c r="J52" s="314"/>
      <c r="K52" s="315"/>
      <c r="L52" s="313"/>
      <c r="M52" s="315"/>
      <c r="N52" s="325"/>
      <c r="O52" s="324"/>
      <c r="P52" s="27" t="s">
        <v>
124</v>
      </c>
      <c r="Q52" s="63"/>
      <c r="R52" s="63"/>
      <c r="S52" s="63"/>
      <c r="T52" s="64"/>
      <c r="U52" s="311">
        <v>
7816</v>
      </c>
      <c r="V52" s="312"/>
      <c r="W52" s="312"/>
      <c r="X52" s="312"/>
      <c r="Y52" s="312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5"/>
      <c r="B53" s="324"/>
      <c r="C53" s="26"/>
      <c r="D53" s="87"/>
      <c r="E53" s="313"/>
      <c r="F53" s="314"/>
      <c r="G53" s="315"/>
      <c r="H53" s="313"/>
      <c r="I53" s="314"/>
      <c r="J53" s="314"/>
      <c r="K53" s="315"/>
      <c r="L53" s="313"/>
      <c r="M53" s="315"/>
      <c r="N53" s="325"/>
      <c r="O53" s="324"/>
      <c r="P53" s="62"/>
      <c r="Q53" s="63"/>
      <c r="R53" s="63"/>
      <c r="S53" s="63"/>
      <c r="T53" s="64"/>
      <c r="U53" s="311"/>
      <c r="V53" s="312"/>
      <c r="W53" s="312"/>
      <c r="X53" s="312"/>
      <c r="Y53" s="312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5"/>
      <c r="B54" s="324"/>
      <c r="C54" s="26"/>
      <c r="D54" s="87"/>
      <c r="E54" s="313"/>
      <c r="F54" s="314"/>
      <c r="G54" s="315"/>
      <c r="H54" s="316"/>
      <c r="I54" s="317"/>
      <c r="J54" s="317"/>
      <c r="K54" s="318"/>
      <c r="L54" s="313"/>
      <c r="M54" s="315"/>
      <c r="N54" s="325"/>
      <c r="O54" s="324"/>
      <c r="P54" s="62"/>
      <c r="Q54" s="63"/>
      <c r="R54" s="63"/>
      <c r="S54" s="63"/>
      <c r="T54" s="64"/>
      <c r="U54" s="311"/>
      <c r="V54" s="312"/>
      <c r="W54" s="312"/>
      <c r="X54" s="312"/>
      <c r="Y54" s="312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9"/>
      <c r="B55" s="522"/>
      <c r="C55" s="26"/>
      <c r="D55" s="87"/>
      <c r="E55" s="316"/>
      <c r="F55" s="317"/>
      <c r="G55" s="318"/>
      <c r="H55" s="313"/>
      <c r="I55" s="314"/>
      <c r="J55" s="314"/>
      <c r="K55" s="315"/>
      <c r="L55" s="313"/>
      <c r="M55" s="315"/>
      <c r="N55" s="319"/>
      <c r="O55" s="522"/>
      <c r="P55" s="62"/>
      <c r="Q55" s="63"/>
      <c r="R55" s="63"/>
      <c r="S55" s="63"/>
      <c r="T55" s="64"/>
      <c r="U55" s="311"/>
      <c r="V55" s="312"/>
      <c r="W55" s="312"/>
      <c r="X55" s="312"/>
      <c r="Y55" s="312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0" s="1" customFormat="1" ht="3.75" customHeight="1" x14ac:dyDescent="0.2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0" s="1" customFormat="1" ht="14.4" x14ac:dyDescent="0.2">
      <c r="A57" s="1" t="s">
        <v>
125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37" t="s">
        <v>
126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7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28" t="s">
        <v>
128</v>
      </c>
      <c r="AC60" s="129"/>
      <c r="AD60" s="130"/>
      <c r="AE60" s="128" t="s">
        <v>
129</v>
      </c>
      <c r="AF60" s="129"/>
      <c r="AG60" s="129"/>
      <c r="AH60" s="130"/>
      <c r="AI60" s="128" t="s">
        <v>
130</v>
      </c>
      <c r="AJ60" s="129"/>
      <c r="AK60" s="129"/>
      <c r="AL60" s="130"/>
      <c r="AM60" s="128" t="s">
        <v>
131</v>
      </c>
      <c r="AN60" s="129"/>
      <c r="AO60" s="129"/>
      <c r="AP60" s="130"/>
      <c r="AQ60" s="128" t="s">
        <v>
130</v>
      </c>
      <c r="AR60" s="129"/>
      <c r="AS60" s="129"/>
      <c r="AT60" s="130"/>
      <c r="AU60" s="128" t="s">
        <v>
128</v>
      </c>
      <c r="AV60" s="129"/>
      <c r="AW60" s="129"/>
      <c r="AX60" s="130"/>
      <c r="AY60" s="143" t="s">
        <v>
132</v>
      </c>
      <c r="AZ60" s="144"/>
      <c r="BA60" s="144"/>
      <c r="BB60" s="145"/>
      <c r="BC60" s="143" t="s">
        <v>
133</v>
      </c>
      <c r="BD60" s="77"/>
      <c r="BE60" s="308" t="s">
        <v>
134</v>
      </c>
      <c r="BF60" s="309"/>
      <c r="BG60" s="309"/>
      <c r="BH60" s="310"/>
      <c r="BI60" s="128" t="s">
        <v>
135</v>
      </c>
      <c r="BJ60" s="129"/>
      <c r="BK60" s="129"/>
      <c r="BL60" s="129"/>
      <c r="BM60" s="129"/>
      <c r="BN60" s="130"/>
      <c r="BO60" s="128" t="s">
        <v>
136</v>
      </c>
      <c r="BP60" s="129"/>
      <c r="BQ60" s="130"/>
    </row>
    <row r="61" spans="1:70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7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79"/>
      <c r="BE61" s="131" t="s">
        <v>
137</v>
      </c>
      <c r="BF61" s="132"/>
      <c r="BG61" s="132"/>
      <c r="BH61" s="133"/>
      <c r="BI61" s="131" t="s">
        <v>
138</v>
      </c>
      <c r="BJ61" s="132"/>
      <c r="BK61" s="132"/>
      <c r="BL61" s="132"/>
      <c r="BM61" s="132"/>
      <c r="BN61" s="133"/>
      <c r="BO61" s="131" t="s">
        <v>
139</v>
      </c>
      <c r="BP61" s="132"/>
      <c r="BQ61" s="133"/>
    </row>
    <row r="62" spans="1:70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34"/>
      <c r="AC62" s="135"/>
      <c r="AD62" s="136"/>
      <c r="AE62" s="207" t="s">
        <v>
21</v>
      </c>
      <c r="AF62" s="208"/>
      <c r="AG62" s="208"/>
      <c r="AH62" s="209"/>
      <c r="AI62" s="191" t="s">
        <v>
23</v>
      </c>
      <c r="AJ62" s="192"/>
      <c r="AK62" s="192"/>
      <c r="AL62" s="193"/>
      <c r="AM62" s="191" t="s">
        <v>
21</v>
      </c>
      <c r="AN62" s="192"/>
      <c r="AO62" s="192"/>
      <c r="AP62" s="193"/>
      <c r="AQ62" s="191" t="s">
        <v>
23</v>
      </c>
      <c r="AR62" s="192"/>
      <c r="AS62" s="192"/>
      <c r="AT62" s="193"/>
      <c r="AU62" s="134"/>
      <c r="AV62" s="135"/>
      <c r="AW62" s="135"/>
      <c r="AX62" s="136"/>
      <c r="AY62" s="191" t="s">
        <v>
21</v>
      </c>
      <c r="AZ62" s="192"/>
      <c r="BA62" s="192"/>
      <c r="BB62" s="193"/>
      <c r="BC62" s="82" t="s">
        <v>
23</v>
      </c>
      <c r="BD62" s="66"/>
      <c r="BE62" s="191" t="s">
        <v>
21</v>
      </c>
      <c r="BF62" s="192"/>
      <c r="BG62" s="192"/>
      <c r="BH62" s="193"/>
      <c r="BI62" s="191" t="s">
        <v>
21</v>
      </c>
      <c r="BJ62" s="192"/>
      <c r="BK62" s="192"/>
      <c r="BL62" s="192"/>
      <c r="BM62" s="192"/>
      <c r="BN62" s="193"/>
      <c r="BO62" s="210" t="s">
        <v>
23</v>
      </c>
      <c r="BP62" s="211"/>
      <c r="BQ62" s="212"/>
    </row>
    <row r="63" spans="1:70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79" t="s">
        <v>
140</v>
      </c>
      <c r="AC63" s="179"/>
      <c r="AD63" s="179"/>
      <c r="AE63" s="213">
        <v>
39675</v>
      </c>
      <c r="AF63" s="214"/>
      <c r="AG63" s="214"/>
      <c r="AH63" s="215"/>
      <c r="AI63" s="216">
        <v>
3.707108959570788</v>
      </c>
      <c r="AJ63" s="216"/>
      <c r="AK63" s="216"/>
      <c r="AL63" s="216"/>
      <c r="AM63" s="217">
        <v>
39675</v>
      </c>
      <c r="AN63" s="217"/>
      <c r="AO63" s="217"/>
      <c r="AP63" s="213"/>
      <c r="AQ63" s="253">
        <v>
16.879243741810324</v>
      </c>
      <c r="AR63" s="254"/>
      <c r="AS63" s="254"/>
      <c r="AT63" s="255"/>
      <c r="AU63" s="117" t="s">
        <v>
141</v>
      </c>
      <c r="AV63" s="117"/>
      <c r="AW63" s="117"/>
      <c r="AX63" s="118"/>
      <c r="AY63" s="257">
        <v>
171330</v>
      </c>
      <c r="AZ63" s="249"/>
      <c r="BA63" s="249"/>
      <c r="BB63" s="250"/>
      <c r="BC63" s="260">
        <v>
22.40501114823557</v>
      </c>
      <c r="BD63" s="261"/>
      <c r="BE63" s="257">
        <v>
132998</v>
      </c>
      <c r="BF63" s="249"/>
      <c r="BG63" s="249"/>
      <c r="BH63" s="250"/>
      <c r="BI63" s="283">
        <v>
132848</v>
      </c>
      <c r="BJ63" s="291"/>
      <c r="BK63" s="291"/>
      <c r="BL63" s="291"/>
      <c r="BM63" s="291"/>
      <c r="BN63" s="183"/>
      <c r="BO63" s="253">
        <v>
56.51855759576604</v>
      </c>
      <c r="BP63" s="254"/>
      <c r="BQ63" s="255"/>
    </row>
    <row r="64" spans="1:70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79" t="s">
        <v>
142</v>
      </c>
      <c r="AC64" s="179"/>
      <c r="AD64" s="179"/>
      <c r="AE64" s="213">
        <v>
3829</v>
      </c>
      <c r="AF64" s="214"/>
      <c r="AG64" s="214"/>
      <c r="AH64" s="215"/>
      <c r="AI64" s="216">
        <v>
0.35776988547439315</v>
      </c>
      <c r="AJ64" s="216"/>
      <c r="AK64" s="216"/>
      <c r="AL64" s="216"/>
      <c r="AM64" s="217">
        <v>
3829</v>
      </c>
      <c r="AN64" s="217"/>
      <c r="AO64" s="217"/>
      <c r="AP64" s="213"/>
      <c r="AQ64" s="253">
        <v>
1.6290012422783045</v>
      </c>
      <c r="AR64" s="254"/>
      <c r="AS64" s="254"/>
      <c r="AT64" s="255"/>
      <c r="AU64" s="94"/>
      <c r="AV64" s="109" t="s">
        <v>
143</v>
      </c>
      <c r="AW64" s="110"/>
      <c r="AX64" s="111"/>
      <c r="AY64" s="257">
        <v>
96045</v>
      </c>
      <c r="AZ64" s="249"/>
      <c r="BA64" s="249"/>
      <c r="BB64" s="250"/>
      <c r="BC64" s="260">
        <v>
12.559909506404516</v>
      </c>
      <c r="BD64" s="261"/>
      <c r="BE64" s="257">
        <v>
57720</v>
      </c>
      <c r="BF64" s="249"/>
      <c r="BG64" s="249"/>
      <c r="BH64" s="250"/>
      <c r="BI64" s="283"/>
      <c r="BJ64" s="291"/>
      <c r="BK64" s="291"/>
      <c r="BL64" s="291"/>
      <c r="BM64" s="291"/>
      <c r="BN64" s="183"/>
      <c r="BO64" s="253"/>
      <c r="BP64" s="254"/>
      <c r="BQ64" s="255"/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79" t="s">
        <v>
144</v>
      </c>
      <c r="AC65" s="179"/>
      <c r="AD65" s="179"/>
      <c r="AE65" s="213">
        <v>
68</v>
      </c>
      <c r="AF65" s="214"/>
      <c r="AG65" s="214"/>
      <c r="AH65" s="215"/>
      <c r="AI65" s="216">
        <v>
6.3537091178528949E-3</v>
      </c>
      <c r="AJ65" s="216"/>
      <c r="AK65" s="216"/>
      <c r="AL65" s="216"/>
      <c r="AM65" s="217">
        <v>
68</v>
      </c>
      <c r="AN65" s="217"/>
      <c r="AO65" s="217"/>
      <c r="AP65" s="213"/>
      <c r="AQ65" s="253">
        <v>
2.8929768732025251E-2</v>
      </c>
      <c r="AR65" s="254"/>
      <c r="AS65" s="254"/>
      <c r="AT65" s="255"/>
      <c r="AU65" s="181" t="s">
        <v>
145</v>
      </c>
      <c r="AV65" s="181"/>
      <c r="AW65" s="181"/>
      <c r="AX65" s="182"/>
      <c r="AY65" s="257">
        <v>
2366</v>
      </c>
      <c r="AZ65" s="249"/>
      <c r="BA65" s="249"/>
      <c r="BB65" s="250"/>
      <c r="BC65" s="260">
        <v>
0.30940440306265898</v>
      </c>
      <c r="BD65" s="261"/>
      <c r="BE65" s="257">
        <v>
561</v>
      </c>
      <c r="BF65" s="249"/>
      <c r="BG65" s="249"/>
      <c r="BH65" s="250"/>
      <c r="BI65" s="283">
        <v>
561</v>
      </c>
      <c r="BJ65" s="291"/>
      <c r="BK65" s="291"/>
      <c r="BL65" s="291"/>
      <c r="BM65" s="291"/>
      <c r="BN65" s="183"/>
      <c r="BO65" s="253">
        <v>
0.23867059203920835</v>
      </c>
      <c r="BP65" s="254"/>
      <c r="BQ65" s="255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79" t="s">
        <v>
146</v>
      </c>
      <c r="AC66" s="179"/>
      <c r="AD66" s="179"/>
      <c r="AE66" s="213">
        <v>
231</v>
      </c>
      <c r="AF66" s="214"/>
      <c r="AG66" s="214"/>
      <c r="AH66" s="215"/>
      <c r="AI66" s="216">
        <v>
2.1583923620941452E-2</v>
      </c>
      <c r="AJ66" s="216"/>
      <c r="AK66" s="216"/>
      <c r="AL66" s="216"/>
      <c r="AM66" s="217">
        <v>
231</v>
      </c>
      <c r="AN66" s="217"/>
      <c r="AO66" s="217"/>
      <c r="AP66" s="213"/>
      <c r="AQ66" s="253">
        <v>
9.8276126133791677E-2</v>
      </c>
      <c r="AR66" s="254"/>
      <c r="AS66" s="254"/>
      <c r="AT66" s="255"/>
      <c r="AU66" s="159" t="s">
        <v>
147</v>
      </c>
      <c r="AV66" s="159"/>
      <c r="AW66" s="159"/>
      <c r="AX66" s="160"/>
      <c r="AY66" s="257">
        <v>
24687</v>
      </c>
      <c r="AZ66" s="249"/>
      <c r="BA66" s="249"/>
      <c r="BB66" s="250"/>
      <c r="BC66" s="260">
        <v>
3.2283459418460954</v>
      </c>
      <c r="BD66" s="261"/>
      <c r="BE66" s="257">
        <v>
24687</v>
      </c>
      <c r="BF66" s="249"/>
      <c r="BG66" s="249"/>
      <c r="BH66" s="250"/>
      <c r="BI66" s="283">
        <v>
24687</v>
      </c>
      <c r="BJ66" s="291"/>
      <c r="BK66" s="291"/>
      <c r="BL66" s="291"/>
      <c r="BM66" s="291"/>
      <c r="BN66" s="183"/>
      <c r="BO66" s="253">
        <v>
10.50278236305158</v>
      </c>
      <c r="BP66" s="254"/>
      <c r="BQ66" s="255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288" t="s">
        <v>
148</v>
      </c>
      <c r="AC67" s="288"/>
      <c r="AD67" s="288"/>
      <c r="AE67" s="213">
        <v>
189</v>
      </c>
      <c r="AF67" s="214"/>
      <c r="AG67" s="214"/>
      <c r="AH67" s="215"/>
      <c r="AI67" s="216">
        <v>
1.7659573871679369E-2</v>
      </c>
      <c r="AJ67" s="216"/>
      <c r="AK67" s="216"/>
      <c r="AL67" s="216"/>
      <c r="AM67" s="217">
        <v>
189</v>
      </c>
      <c r="AN67" s="217"/>
      <c r="AO67" s="217"/>
      <c r="AP67" s="213"/>
      <c r="AQ67" s="253">
        <v>
8.0407739564011371E-2</v>
      </c>
      <c r="AR67" s="254"/>
      <c r="AS67" s="254"/>
      <c r="AT67" s="255"/>
      <c r="AU67" s="94"/>
      <c r="AV67" s="180" t="s">
        <v>
149</v>
      </c>
      <c r="AW67" s="181"/>
      <c r="AX67" s="182"/>
      <c r="AY67" s="257">
        <v>
24687</v>
      </c>
      <c r="AZ67" s="249"/>
      <c r="BA67" s="249"/>
      <c r="BB67" s="250"/>
      <c r="BC67" s="260">
        <v>
3.2283459418460954</v>
      </c>
      <c r="BD67" s="261"/>
      <c r="BE67" s="257">
        <v>
24687</v>
      </c>
      <c r="BF67" s="249"/>
      <c r="BG67" s="249"/>
      <c r="BH67" s="250"/>
      <c r="BI67" s="283">
        <v>
24687</v>
      </c>
      <c r="BJ67" s="291"/>
      <c r="BK67" s="291"/>
      <c r="BL67" s="291"/>
      <c r="BM67" s="291"/>
      <c r="BN67" s="183"/>
      <c r="BO67" s="253">
        <v>
10.50278236305158</v>
      </c>
      <c r="BP67" s="254"/>
      <c r="BQ67" s="255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79" t="s">
        <v>
150</v>
      </c>
      <c r="AC68" s="179"/>
      <c r="AD68" s="179"/>
      <c r="AE68" s="213">
        <v>
3741</v>
      </c>
      <c r="AF68" s="214"/>
      <c r="AG68" s="214"/>
      <c r="AH68" s="215"/>
      <c r="AI68" s="216">
        <v>
0.34954743838070113</v>
      </c>
      <c r="AJ68" s="216"/>
      <c r="AK68" s="216"/>
      <c r="AL68" s="216"/>
      <c r="AM68" s="217">
        <v>
3741</v>
      </c>
      <c r="AN68" s="217"/>
      <c r="AO68" s="217"/>
      <c r="AP68" s="213"/>
      <c r="AQ68" s="253">
        <v>
1.5915627180368601</v>
      </c>
      <c r="AR68" s="254"/>
      <c r="AS68" s="254"/>
      <c r="AT68" s="255"/>
      <c r="AU68" s="94"/>
      <c r="AV68" s="180" t="s">
        <v>
151</v>
      </c>
      <c r="AW68" s="181"/>
      <c r="AX68" s="182"/>
      <c r="AY68" s="257">
        <v>
0</v>
      </c>
      <c r="AZ68" s="249"/>
      <c r="BA68" s="249"/>
      <c r="BB68" s="250"/>
      <c r="BC68" s="260">
        <v>
0</v>
      </c>
      <c r="BD68" s="261"/>
      <c r="BE68" s="257">
        <v>
0</v>
      </c>
      <c r="BF68" s="249"/>
      <c r="BG68" s="249"/>
      <c r="BH68" s="250"/>
      <c r="BI68" s="283">
        <v>
0</v>
      </c>
      <c r="BJ68" s="291"/>
      <c r="BK68" s="291"/>
      <c r="BL68" s="291"/>
      <c r="BM68" s="291"/>
      <c r="BN68" s="183"/>
      <c r="BO68" s="253">
        <v>
0</v>
      </c>
      <c r="BP68" s="254"/>
      <c r="BQ68" s="255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288" t="s">
        <v>
152</v>
      </c>
      <c r="AC69" s="288"/>
      <c r="AD69" s="288"/>
      <c r="AE69" s="213">
        <v>
0</v>
      </c>
      <c r="AF69" s="214"/>
      <c r="AG69" s="214"/>
      <c r="AH69" s="215"/>
      <c r="AI69" s="216">
        <v>
0</v>
      </c>
      <c r="AJ69" s="216"/>
      <c r="AK69" s="216"/>
      <c r="AL69" s="216"/>
      <c r="AM69" s="217">
        <v>
0</v>
      </c>
      <c r="AN69" s="217"/>
      <c r="AO69" s="217"/>
      <c r="AP69" s="213"/>
      <c r="AQ69" s="253">
        <v>
0</v>
      </c>
      <c r="AR69" s="254"/>
      <c r="AS69" s="254"/>
      <c r="AT69" s="255"/>
      <c r="AU69" s="189" t="s">
        <v>
153</v>
      </c>
      <c r="AV69" s="189"/>
      <c r="AW69" s="189"/>
      <c r="AX69" s="190"/>
      <c r="AY69" s="257">
        <v>
198383</v>
      </c>
      <c r="AZ69" s="249"/>
      <c r="BA69" s="249"/>
      <c r="BB69" s="250"/>
      <c r="BC69" s="260">
        <v>
25.942761493144324</v>
      </c>
      <c r="BD69" s="261"/>
      <c r="BE69" s="257">
        <v>
158246</v>
      </c>
      <c r="BF69" s="249"/>
      <c r="BG69" s="249"/>
      <c r="BH69" s="250"/>
      <c r="BI69" s="257">
        <v>
158096</v>
      </c>
      <c r="BJ69" s="249"/>
      <c r="BK69" s="249"/>
      <c r="BL69" s="249"/>
      <c r="BM69" s="249"/>
      <c r="BN69" s="250"/>
      <c r="BO69" s="253">
        <v>
67.260010550856833</v>
      </c>
      <c r="BP69" s="254"/>
      <c r="BQ69" s="25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288" t="s">
        <v>
154</v>
      </c>
      <c r="AC70" s="288"/>
      <c r="AD70" s="288"/>
      <c r="AE70" s="283">
        <v>
0</v>
      </c>
      <c r="AF70" s="291"/>
      <c r="AG70" s="291"/>
      <c r="AH70" s="183"/>
      <c r="AI70" s="216">
        <v>
0</v>
      </c>
      <c r="AJ70" s="216"/>
      <c r="AK70" s="216"/>
      <c r="AL70" s="216"/>
      <c r="AM70" s="217">
        <v>
0</v>
      </c>
      <c r="AN70" s="217"/>
      <c r="AO70" s="217"/>
      <c r="AP70" s="213"/>
      <c r="AQ70" s="253">
        <v>
0</v>
      </c>
      <c r="AR70" s="254"/>
      <c r="AS70" s="254"/>
      <c r="AT70" s="255"/>
      <c r="AU70" s="306"/>
      <c r="AV70" s="306"/>
      <c r="AW70" s="306"/>
      <c r="AX70" s="307"/>
      <c r="AY70" s="299"/>
      <c r="AZ70" s="300"/>
      <c r="BA70" s="300"/>
      <c r="BB70" s="301"/>
      <c r="BC70" s="302"/>
      <c r="BD70" s="303"/>
      <c r="BE70" s="299"/>
      <c r="BF70" s="300"/>
      <c r="BG70" s="300"/>
      <c r="BH70" s="301"/>
      <c r="BI70" s="299"/>
      <c r="BJ70" s="300"/>
      <c r="BK70" s="300"/>
      <c r="BL70" s="300"/>
      <c r="BM70" s="300"/>
      <c r="BN70" s="301"/>
      <c r="BO70" s="304"/>
      <c r="BP70" s="231"/>
      <c r="BQ70" s="305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296" t="s">
        <v>
155</v>
      </c>
      <c r="AC71" s="297"/>
      <c r="AD71" s="298"/>
      <c r="AE71" s="213">
        <v>
2265</v>
      </c>
      <c r="AF71" s="214"/>
      <c r="AG71" s="214"/>
      <c r="AH71" s="215"/>
      <c r="AI71" s="216">
        <v>
0.21163457576377659</v>
      </c>
      <c r="AJ71" s="216"/>
      <c r="AK71" s="216"/>
      <c r="AL71" s="216"/>
      <c r="AM71" s="217">
        <v>
2265</v>
      </c>
      <c r="AN71" s="217"/>
      <c r="AO71" s="217"/>
      <c r="AP71" s="213"/>
      <c r="AQ71" s="253">
        <v>
0.96361656144172358</v>
      </c>
      <c r="AR71" s="254"/>
      <c r="AS71" s="254"/>
      <c r="AT71" s="255"/>
      <c r="AU71" s="181" t="s">
        <v>
156</v>
      </c>
      <c r="AV71" s="181"/>
      <c r="AW71" s="181"/>
      <c r="AX71" s="182"/>
      <c r="AY71" s="257">
        <v>
241446</v>
      </c>
      <c r="AZ71" s="249"/>
      <c r="BA71" s="249"/>
      <c r="BB71" s="250"/>
      <c r="BC71" s="260">
        <v>
31.574157016849856</v>
      </c>
      <c r="BD71" s="261"/>
      <c r="BE71" s="257">
        <v>
37673</v>
      </c>
      <c r="BF71" s="249"/>
      <c r="BG71" s="249"/>
      <c r="BH71" s="250"/>
      <c r="BI71" s="283">
        <v>
35493</v>
      </c>
      <c r="BJ71" s="291"/>
      <c r="BK71" s="291"/>
      <c r="BL71" s="291"/>
      <c r="BM71" s="291"/>
      <c r="BN71" s="183"/>
      <c r="BO71" s="253">
        <v>
15.100062964790769</v>
      </c>
      <c r="BP71" s="254"/>
      <c r="BQ71" s="255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79" t="s">
        <v>
157</v>
      </c>
      <c r="AC72" s="179"/>
      <c r="AD72" s="179"/>
      <c r="AE72" s="213">
        <v>
0</v>
      </c>
      <c r="AF72" s="214"/>
      <c r="AG72" s="214"/>
      <c r="AH72" s="215"/>
      <c r="AI72" s="216">
        <v>
0</v>
      </c>
      <c r="AJ72" s="216"/>
      <c r="AK72" s="216"/>
      <c r="AL72" s="216"/>
      <c r="AM72" s="217">
        <v>
0</v>
      </c>
      <c r="AN72" s="217"/>
      <c r="AO72" s="217"/>
      <c r="AP72" s="213"/>
      <c r="AQ72" s="253">
        <v>
0</v>
      </c>
      <c r="AR72" s="254"/>
      <c r="AS72" s="254"/>
      <c r="AT72" s="255"/>
      <c r="AU72" s="181" t="s">
        <v>
158</v>
      </c>
      <c r="AV72" s="181"/>
      <c r="AW72" s="181"/>
      <c r="AX72" s="182"/>
      <c r="AY72" s="257">
        <v>
56408</v>
      </c>
      <c r="AZ72" s="249"/>
      <c r="BA72" s="249"/>
      <c r="BB72" s="250"/>
      <c r="BC72" s="260">
        <v>
7.3765357430086516</v>
      </c>
      <c r="BD72" s="261"/>
      <c r="BE72" s="257">
        <v>
841</v>
      </c>
      <c r="BF72" s="249"/>
      <c r="BG72" s="249"/>
      <c r="BH72" s="250"/>
      <c r="BI72" s="283">
        <v>
841</v>
      </c>
      <c r="BJ72" s="291"/>
      <c r="BK72" s="291"/>
      <c r="BL72" s="291"/>
      <c r="BM72" s="291"/>
      <c r="BN72" s="183"/>
      <c r="BO72" s="253">
        <v>
0.35779316917107706</v>
      </c>
      <c r="BP72" s="254"/>
      <c r="BQ72" s="255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16" t="s">
        <v>
159</v>
      </c>
      <c r="AC73" s="117"/>
      <c r="AD73" s="118"/>
      <c r="AE73" s="213">
        <v>
273693</v>
      </c>
      <c r="AF73" s="214"/>
      <c r="AG73" s="214"/>
      <c r="AH73" s="215"/>
      <c r="AI73" s="216">
        <v>
25.573025141066356</v>
      </c>
      <c r="AJ73" s="216"/>
      <c r="AK73" s="216"/>
      <c r="AL73" s="216"/>
      <c r="AM73" s="217">
        <v>
183619</v>
      </c>
      <c r="AN73" s="217"/>
      <c r="AO73" s="217"/>
      <c r="AP73" s="213"/>
      <c r="AQ73" s="253">
        <v>
78.118458894202135</v>
      </c>
      <c r="AR73" s="254"/>
      <c r="AS73" s="254"/>
      <c r="AT73" s="255"/>
      <c r="AU73" s="181" t="s">
        <v>
160</v>
      </c>
      <c r="AV73" s="181"/>
      <c r="AW73" s="181"/>
      <c r="AX73" s="182"/>
      <c r="AY73" s="257">
        <v>
62104</v>
      </c>
      <c r="AZ73" s="249"/>
      <c r="BA73" s="249"/>
      <c r="BB73" s="250"/>
      <c r="BC73" s="260">
        <v>
8.121407881573699</v>
      </c>
      <c r="BD73" s="261"/>
      <c r="BE73" s="257">
        <v>
28224</v>
      </c>
      <c r="BF73" s="249"/>
      <c r="BG73" s="249"/>
      <c r="BH73" s="250"/>
      <c r="BI73" s="283">
        <v>
9948</v>
      </c>
      <c r="BJ73" s="291"/>
      <c r="BK73" s="291"/>
      <c r="BL73" s="291"/>
      <c r="BM73" s="291"/>
      <c r="BN73" s="183"/>
      <c r="BO73" s="253">
        <v>
4.2322549903851066</v>
      </c>
      <c r="BP73" s="254"/>
      <c r="BQ73" s="255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295" t="s">
        <v>
161</v>
      </c>
      <c r="AD74" s="295"/>
      <c r="AE74" s="213">
        <v>
183619</v>
      </c>
      <c r="AF74" s="214"/>
      <c r="AG74" s="214"/>
      <c r="AH74" s="215"/>
      <c r="AI74" s="216">
        <v>
17.156789919279863</v>
      </c>
      <c r="AJ74" s="216"/>
      <c r="AK74" s="216"/>
      <c r="AL74" s="216"/>
      <c r="AM74" s="217">
        <v>
183619</v>
      </c>
      <c r="AN74" s="217"/>
      <c r="AO74" s="217"/>
      <c r="AP74" s="213"/>
      <c r="AQ74" s="253">
        <v>
78.118458894202135</v>
      </c>
      <c r="AR74" s="254"/>
      <c r="AS74" s="254"/>
      <c r="AT74" s="255"/>
      <c r="AU74" s="181" t="s">
        <v>
162</v>
      </c>
      <c r="AV74" s="181"/>
      <c r="AW74" s="181"/>
      <c r="AX74" s="182"/>
      <c r="AY74" s="257">
        <v>
127</v>
      </c>
      <c r="AZ74" s="249"/>
      <c r="BA74" s="249"/>
      <c r="BB74" s="250"/>
      <c r="BC74" s="260">
        <v>
1.6607928651292347E-2</v>
      </c>
      <c r="BD74" s="261"/>
      <c r="BE74" s="257">
        <v>
0</v>
      </c>
      <c r="BF74" s="249"/>
      <c r="BG74" s="249"/>
      <c r="BH74" s="250"/>
      <c r="BI74" s="283"/>
      <c r="BJ74" s="291"/>
      <c r="BK74" s="291"/>
      <c r="BL74" s="291"/>
      <c r="BM74" s="291"/>
      <c r="BN74" s="183"/>
      <c r="BO74" s="253"/>
      <c r="BP74" s="254"/>
      <c r="BQ74" s="255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295" t="s">
        <v>
163</v>
      </c>
      <c r="AD75" s="295"/>
      <c r="AE75" s="213">
        <v>
90074</v>
      </c>
      <c r="AF75" s="214"/>
      <c r="AG75" s="214"/>
      <c r="AH75" s="215"/>
      <c r="AI75" s="216">
        <v>
8.4162352217864935</v>
      </c>
      <c r="AJ75" s="216"/>
      <c r="AK75" s="216"/>
      <c r="AL75" s="216"/>
      <c r="AM75" s="217"/>
      <c r="AN75" s="217"/>
      <c r="AO75" s="217"/>
      <c r="AP75" s="213"/>
      <c r="AQ75" s="253"/>
      <c r="AR75" s="254"/>
      <c r="AS75" s="254"/>
      <c r="AT75" s="255"/>
      <c r="AU75" s="292" t="s">
        <v>
164</v>
      </c>
      <c r="AV75" s="293"/>
      <c r="AW75" s="293"/>
      <c r="AX75" s="294"/>
      <c r="AY75" s="257">
        <v>
0</v>
      </c>
      <c r="AZ75" s="249"/>
      <c r="BA75" s="249"/>
      <c r="BB75" s="250"/>
      <c r="BC75" s="260">
        <v>
0</v>
      </c>
      <c r="BD75" s="261"/>
      <c r="BE75" s="257">
        <v>
0</v>
      </c>
      <c r="BF75" s="249"/>
      <c r="BG75" s="249"/>
      <c r="BH75" s="250"/>
      <c r="BI75" s="283">
        <v>
0</v>
      </c>
      <c r="BJ75" s="291"/>
      <c r="BK75" s="291"/>
      <c r="BL75" s="291"/>
      <c r="BM75" s="291"/>
      <c r="BN75" s="183"/>
      <c r="BO75" s="253">
        <v>
0</v>
      </c>
      <c r="BP75" s="254"/>
      <c r="BQ75" s="255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295" t="s">
        <v>
165</v>
      </c>
      <c r="AD76" s="295"/>
      <c r="AE76" s="213">
        <v>
0</v>
      </c>
      <c r="AF76" s="214"/>
      <c r="AG76" s="214"/>
      <c r="AH76" s="215"/>
      <c r="AI76" s="216">
        <v>
0</v>
      </c>
      <c r="AJ76" s="216"/>
      <c r="AK76" s="216"/>
      <c r="AL76" s="216"/>
      <c r="AM76" s="217"/>
      <c r="AN76" s="217"/>
      <c r="AO76" s="217"/>
      <c r="AP76" s="213"/>
      <c r="AQ76" s="253"/>
      <c r="AR76" s="254"/>
      <c r="AS76" s="254"/>
      <c r="AT76" s="255"/>
      <c r="AU76" s="181" t="s">
        <v>
166</v>
      </c>
      <c r="AV76" s="181"/>
      <c r="AW76" s="181"/>
      <c r="AX76" s="182"/>
      <c r="AY76" s="257">
        <v>
76350</v>
      </c>
      <c r="AZ76" s="249"/>
      <c r="BA76" s="249"/>
      <c r="BB76" s="250"/>
      <c r="BC76" s="260">
        <v>
9.984372854536776</v>
      </c>
      <c r="BD76" s="261"/>
      <c r="BE76" s="164">
        <v>
3712</v>
      </c>
      <c r="BF76" s="164"/>
      <c r="BG76" s="164"/>
      <c r="BH76" s="164"/>
      <c r="BI76" s="289">
        <v>
2975</v>
      </c>
      <c r="BJ76" s="289"/>
      <c r="BK76" s="289"/>
      <c r="BL76" s="289"/>
      <c r="BM76" s="289"/>
      <c r="BN76" s="289"/>
      <c r="BO76" s="290">
        <v>
1.2656773820261047</v>
      </c>
      <c r="BP76" s="290"/>
      <c r="BQ76" s="290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288" t="s">
        <v>
167</v>
      </c>
      <c r="AC77" s="288"/>
      <c r="AD77" s="288"/>
      <c r="AE77" s="213">
        <v>
0</v>
      </c>
      <c r="AF77" s="214"/>
      <c r="AG77" s="214"/>
      <c r="AH77" s="215"/>
      <c r="AI77" s="216">
        <v>
0</v>
      </c>
      <c r="AJ77" s="216"/>
      <c r="AK77" s="216"/>
      <c r="AL77" s="216"/>
      <c r="AM77" s="217">
        <v>
0</v>
      </c>
      <c r="AN77" s="217"/>
      <c r="AO77" s="217"/>
      <c r="AP77" s="213"/>
      <c r="AQ77" s="253">
        <v>
0</v>
      </c>
      <c r="AR77" s="254"/>
      <c r="AS77" s="254"/>
      <c r="AT77" s="255"/>
      <c r="AU77" s="181" t="s">
        <v>
168</v>
      </c>
      <c r="AV77" s="181"/>
      <c r="AW77" s="181"/>
      <c r="AX77" s="182"/>
      <c r="AY77" s="257">
        <v>
0</v>
      </c>
      <c r="AZ77" s="249"/>
      <c r="BA77" s="249"/>
      <c r="BB77" s="250"/>
      <c r="BC77" s="260">
        <v>
0</v>
      </c>
      <c r="BD77" s="261"/>
      <c r="BE77" s="164">
        <v>
0</v>
      </c>
      <c r="BF77" s="164"/>
      <c r="BG77" s="164"/>
      <c r="BH77" s="164"/>
      <c r="BI77" s="257"/>
      <c r="BJ77" s="249"/>
      <c r="BK77" s="249"/>
      <c r="BL77" s="249"/>
      <c r="BM77" s="249"/>
      <c r="BN77" s="249"/>
      <c r="BO77" s="249"/>
      <c r="BP77" s="249"/>
      <c r="BQ77" s="250"/>
    </row>
    <row r="78" spans="1:69" s="2" customFormat="1" ht="15" customHeight="1" x14ac:dyDescent="0.2">
      <c r="A78" s="14"/>
      <c r="B78" s="14"/>
      <c r="C78" s="14"/>
      <c r="D78" s="16"/>
      <c r="E78" s="511"/>
      <c r="F78" s="511"/>
      <c r="G78" s="511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286" t="s">
        <v>
169</v>
      </c>
      <c r="AC78" s="286"/>
      <c r="AD78" s="286"/>
      <c r="AE78" s="287">
        <v>
0</v>
      </c>
      <c r="AF78" s="523"/>
      <c r="AG78" s="523"/>
      <c r="AH78" s="524"/>
      <c r="AI78" s="216">
        <v>
0</v>
      </c>
      <c r="AJ78" s="216"/>
      <c r="AK78" s="216"/>
      <c r="AL78" s="216"/>
      <c r="AM78" s="217">
        <v>
0</v>
      </c>
      <c r="AN78" s="217"/>
      <c r="AO78" s="217"/>
      <c r="AP78" s="213"/>
      <c r="AQ78" s="253">
        <v>
0</v>
      </c>
      <c r="AR78" s="254"/>
      <c r="AS78" s="254"/>
      <c r="AT78" s="255"/>
      <c r="AU78" s="117" t="s">
        <v>
170</v>
      </c>
      <c r="AV78" s="117"/>
      <c r="AW78" s="117"/>
      <c r="AX78" s="118"/>
      <c r="AY78" s="257">
        <v>
129877</v>
      </c>
      <c r="AZ78" s="249"/>
      <c r="BA78" s="249"/>
      <c r="BB78" s="250"/>
      <c r="BC78" s="260">
        <v>
16.984157082235402</v>
      </c>
      <c r="BD78" s="261"/>
      <c r="BE78" s="164">
        <v>
6260</v>
      </c>
      <c r="BF78" s="164"/>
      <c r="BG78" s="164"/>
      <c r="BH78" s="283"/>
      <c r="BI78" s="224" t="s">
        <v>
171</v>
      </c>
      <c r="BJ78" s="225"/>
      <c r="BK78" s="225"/>
      <c r="BL78" s="225"/>
      <c r="BM78" s="225"/>
      <c r="BN78" s="225"/>
      <c r="BO78" s="225"/>
      <c r="BP78" s="225"/>
      <c r="BQ78" s="226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09" t="s">
        <v>
153</v>
      </c>
      <c r="AC79" s="110"/>
      <c r="AD79" s="111"/>
      <c r="AE79" s="213">
        <v>
323691</v>
      </c>
      <c r="AF79" s="214"/>
      <c r="AG79" s="214"/>
      <c r="AH79" s="215"/>
      <c r="AI79" s="216">
        <v>
30.24468320686649</v>
      </c>
      <c r="AJ79" s="216"/>
      <c r="AK79" s="216"/>
      <c r="AL79" s="216"/>
      <c r="AM79" s="217">
        <v>
233617</v>
      </c>
      <c r="AN79" s="217"/>
      <c r="AO79" s="217"/>
      <c r="AP79" s="213"/>
      <c r="AQ79" s="253">
        <v>
99.389496792199168</v>
      </c>
      <c r="AR79" s="254"/>
      <c r="AS79" s="254"/>
      <c r="AT79" s="255"/>
      <c r="AU79" s="39"/>
      <c r="AV79" s="258" t="s">
        <v>
172</v>
      </c>
      <c r="AW79" s="110"/>
      <c r="AX79" s="111"/>
      <c r="AY79" s="257">
        <v>
4960</v>
      </c>
      <c r="AZ79" s="249"/>
      <c r="BA79" s="249"/>
      <c r="BB79" s="250"/>
      <c r="BC79" s="260">
        <v>
0.64862461504259872</v>
      </c>
      <c r="BD79" s="261"/>
      <c r="BE79" s="257">
        <v>
4960</v>
      </c>
      <c r="BF79" s="249"/>
      <c r="BG79" s="249"/>
      <c r="BH79" s="249"/>
      <c r="BI79" s="274"/>
      <c r="BJ79" s="275"/>
      <c r="BK79" s="275"/>
      <c r="BL79" s="275"/>
      <c r="BM79" s="275"/>
      <c r="BN79" s="275"/>
      <c r="BO79" s="275"/>
      <c r="BP79" s="275"/>
      <c r="BQ79" s="276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79" t="s">
        <v>
173</v>
      </c>
      <c r="AC80" s="179"/>
      <c r="AD80" s="179"/>
      <c r="AE80" s="213">
        <v>
0</v>
      </c>
      <c r="AF80" s="214"/>
      <c r="AG80" s="214"/>
      <c r="AH80" s="215"/>
      <c r="AI80" s="216">
        <v>
0</v>
      </c>
      <c r="AJ80" s="216"/>
      <c r="AK80" s="216"/>
      <c r="AL80" s="216"/>
      <c r="AM80" s="217">
        <v>
0</v>
      </c>
      <c r="AN80" s="217"/>
      <c r="AO80" s="217"/>
      <c r="AP80" s="213"/>
      <c r="AQ80" s="253">
        <v>
0</v>
      </c>
      <c r="AR80" s="254"/>
      <c r="AS80" s="254"/>
      <c r="AT80" s="255"/>
      <c r="AU80" s="277" t="s">
        <v>
174</v>
      </c>
      <c r="AV80" s="278"/>
      <c r="AW80" s="284" t="s">
        <v>
175</v>
      </c>
      <c r="AX80" s="285"/>
      <c r="AY80" s="257">
        <v>
129877</v>
      </c>
      <c r="AZ80" s="249"/>
      <c r="BA80" s="249"/>
      <c r="BB80" s="250"/>
      <c r="BC80" s="260">
        <v>
16.984157082235402</v>
      </c>
      <c r="BD80" s="261"/>
      <c r="BE80" s="257">
        <v>
6260</v>
      </c>
      <c r="BF80" s="249"/>
      <c r="BG80" s="249"/>
      <c r="BH80" s="249"/>
      <c r="BI80" s="270">
        <v>
540502</v>
      </c>
      <c r="BJ80" s="271"/>
      <c r="BK80" s="271"/>
      <c r="BL80" s="271"/>
      <c r="BM80" s="271"/>
      <c r="BN80" s="271"/>
      <c r="BO80" s="271"/>
      <c r="BP80" s="272" t="s">
        <v>
21</v>
      </c>
      <c r="BQ80" s="273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79" t="s">
        <v>
176</v>
      </c>
      <c r="AC81" s="179"/>
      <c r="AD81" s="179"/>
      <c r="AE81" s="213">
        <v>
11389</v>
      </c>
      <c r="AF81" s="214"/>
      <c r="AG81" s="214"/>
      <c r="AH81" s="215"/>
      <c r="AI81" s="216">
        <v>
1.0641528403415681</v>
      </c>
      <c r="AJ81" s="216"/>
      <c r="AK81" s="216"/>
      <c r="AL81" s="216"/>
      <c r="AM81" s="217">
        <v>
0</v>
      </c>
      <c r="AN81" s="217"/>
      <c r="AO81" s="217"/>
      <c r="AP81" s="213"/>
      <c r="AQ81" s="253">
        <v>
0</v>
      </c>
      <c r="AR81" s="254"/>
      <c r="AS81" s="254"/>
      <c r="AT81" s="255"/>
      <c r="AU81" s="279"/>
      <c r="AV81" s="280"/>
      <c r="AW81" s="264"/>
      <c r="AX81" s="87" t="s">
        <v>
177</v>
      </c>
      <c r="AY81" s="257">
        <v>
0</v>
      </c>
      <c r="AZ81" s="249"/>
      <c r="BA81" s="249"/>
      <c r="BB81" s="250"/>
      <c r="BC81" s="260">
        <v>
0</v>
      </c>
      <c r="BD81" s="261"/>
      <c r="BE81" s="257">
        <v>
0</v>
      </c>
      <c r="BF81" s="249"/>
      <c r="BG81" s="249"/>
      <c r="BH81" s="249"/>
      <c r="BI81" s="274"/>
      <c r="BJ81" s="275"/>
      <c r="BK81" s="275"/>
      <c r="BL81" s="275"/>
      <c r="BM81" s="275"/>
      <c r="BN81" s="275"/>
      <c r="BO81" s="275"/>
      <c r="BP81" s="275"/>
      <c r="BQ81" s="276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79" t="s">
        <v>
178</v>
      </c>
      <c r="AC82" s="179"/>
      <c r="AD82" s="179"/>
      <c r="AE82" s="213">
        <v>
142</v>
      </c>
      <c r="AF82" s="214"/>
      <c r="AG82" s="214"/>
      <c r="AH82" s="215"/>
      <c r="AI82" s="216">
        <v>
1.3268039628457516E-2</v>
      </c>
      <c r="AJ82" s="216"/>
      <c r="AK82" s="216"/>
      <c r="AL82" s="216"/>
      <c r="AM82" s="217">
        <v>
0</v>
      </c>
      <c r="AN82" s="217"/>
      <c r="AO82" s="217"/>
      <c r="AP82" s="213"/>
      <c r="AQ82" s="253">
        <v>
0</v>
      </c>
      <c r="AR82" s="254"/>
      <c r="AS82" s="254"/>
      <c r="AT82" s="255"/>
      <c r="AU82" s="279"/>
      <c r="AV82" s="280"/>
      <c r="AW82" s="264"/>
      <c r="AX82" s="87" t="s">
        <v>
179</v>
      </c>
      <c r="AY82" s="257">
        <v>
129877</v>
      </c>
      <c r="AZ82" s="249"/>
      <c r="BA82" s="249"/>
      <c r="BB82" s="250"/>
      <c r="BC82" s="260">
        <v>
16.984157082235402</v>
      </c>
      <c r="BD82" s="261"/>
      <c r="BE82" s="257">
        <v>
6260</v>
      </c>
      <c r="BF82" s="249"/>
      <c r="BG82" s="249"/>
      <c r="BH82" s="249"/>
      <c r="BI82" s="266" t="s">
        <v>
180</v>
      </c>
      <c r="BJ82" s="242"/>
      <c r="BK82" s="242"/>
      <c r="BL82" s="242"/>
      <c r="BM82" s="242"/>
      <c r="BN82" s="242"/>
      <c r="BO82" s="242"/>
      <c r="BP82" s="242"/>
      <c r="BQ82" s="243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79" t="s">
        <v>
181</v>
      </c>
      <c r="AC83" s="179"/>
      <c r="AD83" s="179"/>
      <c r="AE83" s="213">
        <v>
6212</v>
      </c>
      <c r="AF83" s="214"/>
      <c r="AG83" s="214"/>
      <c r="AH83" s="215"/>
      <c r="AI83" s="216">
        <v>
0.58043001529562033</v>
      </c>
      <c r="AJ83" s="216"/>
      <c r="AK83" s="216"/>
      <c r="AL83" s="216"/>
      <c r="AM83" s="217"/>
      <c r="AN83" s="217"/>
      <c r="AO83" s="217"/>
      <c r="AP83" s="213"/>
      <c r="AQ83" s="253"/>
      <c r="AR83" s="254"/>
      <c r="AS83" s="254"/>
      <c r="AT83" s="255"/>
      <c r="AU83" s="279"/>
      <c r="AV83" s="280"/>
      <c r="AW83" s="265"/>
      <c r="AX83" s="87" t="s">
        <v>
182</v>
      </c>
      <c r="AY83" s="257">
        <v>
0</v>
      </c>
      <c r="AZ83" s="249"/>
      <c r="BA83" s="249"/>
      <c r="BB83" s="250"/>
      <c r="BC83" s="260">
        <v>
0</v>
      </c>
      <c r="BD83" s="261"/>
      <c r="BE83" s="257">
        <v>
0</v>
      </c>
      <c r="BF83" s="249"/>
      <c r="BG83" s="249"/>
      <c r="BH83" s="249"/>
      <c r="BI83" s="267">
        <v>
207353</v>
      </c>
      <c r="BJ83" s="240"/>
      <c r="BK83" s="240"/>
      <c r="BL83" s="240"/>
      <c r="BM83" s="240"/>
      <c r="BN83" s="240"/>
      <c r="BO83" s="240"/>
      <c r="BP83" s="268" t="s">
        <v>
21</v>
      </c>
      <c r="BQ83" s="269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79" t="s">
        <v>
183</v>
      </c>
      <c r="AC84" s="179"/>
      <c r="AD84" s="179"/>
      <c r="AE84" s="213">
        <v>
459917</v>
      </c>
      <c r="AF84" s="214"/>
      <c r="AG84" s="214"/>
      <c r="AH84" s="215"/>
      <c r="AI84" s="216">
        <v>
42.973218181699266</v>
      </c>
      <c r="AJ84" s="216"/>
      <c r="AK84" s="216"/>
      <c r="AL84" s="216"/>
      <c r="AM84" s="217"/>
      <c r="AN84" s="217"/>
      <c r="AO84" s="217"/>
      <c r="AP84" s="213"/>
      <c r="AQ84" s="253"/>
      <c r="AR84" s="254"/>
      <c r="AS84" s="254"/>
      <c r="AT84" s="255"/>
      <c r="AU84" s="279"/>
      <c r="AV84" s="280"/>
      <c r="AW84" s="262" t="s">
        <v>
184</v>
      </c>
      <c r="AX84" s="263"/>
      <c r="AY84" s="257">
        <v>
0</v>
      </c>
      <c r="AZ84" s="249"/>
      <c r="BA84" s="249"/>
      <c r="BB84" s="250"/>
      <c r="BC84" s="260">
        <v>
0</v>
      </c>
      <c r="BD84" s="261"/>
      <c r="BE84" s="257">
        <v>
0</v>
      </c>
      <c r="BF84" s="249"/>
      <c r="BG84" s="249"/>
      <c r="BH84" s="249"/>
      <c r="BI84" s="267"/>
      <c r="BJ84" s="240"/>
      <c r="BK84" s="240"/>
      <c r="BL84" s="240"/>
      <c r="BM84" s="240"/>
      <c r="BN84" s="240"/>
      <c r="BO84" s="240"/>
      <c r="BP84" s="268"/>
      <c r="BQ84" s="269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79" t="s">
        <v>
185</v>
      </c>
      <c r="AC85" s="179"/>
      <c r="AD85" s="179"/>
      <c r="AE85" s="213">
        <v>
1050</v>
      </c>
      <c r="AF85" s="214"/>
      <c r="AG85" s="214"/>
      <c r="AH85" s="215"/>
      <c r="AI85" s="216">
        <v>
9.8108743731552039E-2</v>
      </c>
      <c r="AJ85" s="216"/>
      <c r="AK85" s="216"/>
      <c r="AL85" s="216"/>
      <c r="AM85" s="217">
        <v>
323</v>
      </c>
      <c r="AN85" s="217"/>
      <c r="AO85" s="217"/>
      <c r="AP85" s="213"/>
      <c r="AQ85" s="253">
        <v>
0.13741640147711998</v>
      </c>
      <c r="AR85" s="254"/>
      <c r="AS85" s="254"/>
      <c r="AT85" s="255"/>
      <c r="AU85" s="281"/>
      <c r="AV85" s="282"/>
      <c r="AW85" s="262" t="s">
        <v>
186</v>
      </c>
      <c r="AX85" s="263"/>
      <c r="AY85" s="257">
        <v>
0</v>
      </c>
      <c r="AZ85" s="249"/>
      <c r="BA85" s="249"/>
      <c r="BB85" s="250"/>
      <c r="BC85" s="260">
        <v>
0</v>
      </c>
      <c r="BD85" s="261"/>
      <c r="BE85" s="257">
        <v>
0</v>
      </c>
      <c r="BF85" s="249"/>
      <c r="BG85" s="249"/>
      <c r="BH85" s="249"/>
      <c r="BI85" s="256" t="s">
        <v>
187</v>
      </c>
      <c r="BJ85" s="251"/>
      <c r="BK85" s="251"/>
      <c r="BL85" s="251"/>
      <c r="BM85" s="251"/>
      <c r="BN85" s="251"/>
      <c r="BO85" s="251"/>
      <c r="BP85" s="251"/>
      <c r="BQ85" s="252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79" t="s">
        <v>
188</v>
      </c>
      <c r="AC86" s="179"/>
      <c r="AD86" s="179"/>
      <c r="AE86" s="213">
        <v>
70</v>
      </c>
      <c r="AF86" s="214"/>
      <c r="AG86" s="214"/>
      <c r="AH86" s="215"/>
      <c r="AI86" s="216">
        <v>
6.5405829154368041E-3</v>
      </c>
      <c r="AJ86" s="216"/>
      <c r="AK86" s="216"/>
      <c r="AL86" s="216"/>
      <c r="AM86" s="217"/>
      <c r="AN86" s="217"/>
      <c r="AO86" s="217"/>
      <c r="AP86" s="213"/>
      <c r="AQ86" s="253"/>
      <c r="AR86" s="254"/>
      <c r="AS86" s="254"/>
      <c r="AT86" s="255"/>
      <c r="AU86" s="110" t="s">
        <v>
99</v>
      </c>
      <c r="AV86" s="110"/>
      <c r="AW86" s="110"/>
      <c r="AX86" s="111"/>
      <c r="AY86" s="257">
        <v>
764695</v>
      </c>
      <c r="AZ86" s="249"/>
      <c r="BA86" s="249"/>
      <c r="BB86" s="250"/>
      <c r="BC86" s="260">
        <v>
100</v>
      </c>
      <c r="BD86" s="261"/>
      <c r="BE86" s="257">
        <v>
234956</v>
      </c>
      <c r="BF86" s="249"/>
      <c r="BG86" s="249"/>
      <c r="BH86" s="249"/>
      <c r="BI86" s="256" t="s">
        <v>
189</v>
      </c>
      <c r="BJ86" s="251"/>
      <c r="BK86" s="251"/>
      <c r="BL86" s="251"/>
      <c r="BM86" s="251"/>
      <c r="BN86" s="251"/>
      <c r="BO86" s="251"/>
      <c r="BP86" s="251"/>
      <c r="BQ86" s="252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79" t="s">
        <v>
190</v>
      </c>
      <c r="AC87" s="179"/>
      <c r="AD87" s="179"/>
      <c r="AE87" s="213">
        <v>
4</v>
      </c>
      <c r="AF87" s="214"/>
      <c r="AG87" s="214"/>
      <c r="AH87" s="215"/>
      <c r="AI87" s="216">
        <v>
3.7374759516781733E-4</v>
      </c>
      <c r="AJ87" s="216"/>
      <c r="AK87" s="216"/>
      <c r="AL87" s="216"/>
      <c r="AM87" s="217"/>
      <c r="AN87" s="217"/>
      <c r="AO87" s="217"/>
      <c r="AP87" s="213"/>
      <c r="AQ87" s="253"/>
      <c r="AR87" s="254"/>
      <c r="AS87" s="254"/>
      <c r="AT87" s="254"/>
      <c r="AU87" s="258"/>
      <c r="AV87" s="189"/>
      <c r="AW87" s="189"/>
      <c r="AX87" s="189"/>
      <c r="AY87" s="249"/>
      <c r="AZ87" s="249"/>
      <c r="BA87" s="249"/>
      <c r="BB87" s="249"/>
      <c r="BC87" s="259"/>
      <c r="BD87" s="259"/>
      <c r="BE87" s="249"/>
      <c r="BF87" s="249"/>
      <c r="BG87" s="249"/>
      <c r="BH87" s="250"/>
      <c r="BI87" s="251" t="s">
        <v>
191</v>
      </c>
      <c r="BJ87" s="251"/>
      <c r="BK87" s="251"/>
      <c r="BL87" s="251"/>
      <c r="BM87" s="251"/>
      <c r="BN87" s="251"/>
      <c r="BO87" s="251"/>
      <c r="BP87" s="251"/>
      <c r="BQ87" s="252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79" t="s">
        <v>
192</v>
      </c>
      <c r="AC88" s="179"/>
      <c r="AD88" s="179"/>
      <c r="AE88" s="213">
        <v>
194247</v>
      </c>
      <c r="AF88" s="214"/>
      <c r="AG88" s="214"/>
      <c r="AH88" s="215"/>
      <c r="AI88" s="216">
        <v>
18.149837279640753</v>
      </c>
      <c r="AJ88" s="216"/>
      <c r="AK88" s="216"/>
      <c r="AL88" s="216"/>
      <c r="AM88" s="217"/>
      <c r="AN88" s="217"/>
      <c r="AO88" s="217"/>
      <c r="AP88" s="213"/>
      <c r="AQ88" s="253"/>
      <c r="AR88" s="254"/>
      <c r="AS88" s="254"/>
      <c r="AT88" s="255"/>
      <c r="AU88" s="40"/>
      <c r="BH88" s="41"/>
      <c r="BI88" s="256" t="s">
        <v>
193</v>
      </c>
      <c r="BJ88" s="251"/>
      <c r="BK88" s="251"/>
      <c r="BL88" s="251"/>
      <c r="BM88" s="251"/>
      <c r="BN88" s="251"/>
      <c r="BO88" s="251"/>
      <c r="BP88" s="251"/>
      <c r="BQ88" s="252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184" t="s">
        <v>
194</v>
      </c>
      <c r="AC89" s="184"/>
      <c r="AD89" s="116"/>
      <c r="AE89" s="213">
        <v>
73519</v>
      </c>
      <c r="AF89" s="214"/>
      <c r="AG89" s="214"/>
      <c r="AH89" s="215"/>
      <c r="AI89" s="216">
        <v>
6.8693873622856909</v>
      </c>
      <c r="AJ89" s="216"/>
      <c r="AK89" s="216"/>
      <c r="AL89" s="216"/>
      <c r="AM89" s="217">
        <v>
1112</v>
      </c>
      <c r="AN89" s="217"/>
      <c r="AO89" s="217"/>
      <c r="AP89" s="213"/>
      <c r="AQ89" s="218">
        <v>
0.47308680632370709</v>
      </c>
      <c r="AR89" s="219"/>
      <c r="AS89" s="219"/>
      <c r="AT89" s="220"/>
      <c r="AU89" s="40"/>
      <c r="BH89" s="41"/>
      <c r="BI89" s="232">
        <v>
88.215799057229887</v>
      </c>
      <c r="BJ89" s="233"/>
      <c r="BK89" s="233"/>
      <c r="BL89" s="233"/>
      <c r="BM89" s="233"/>
      <c r="BN89" s="233"/>
      <c r="BO89" s="233"/>
      <c r="BP89" s="242" t="s">
        <v>
23</v>
      </c>
      <c r="BQ89" s="243"/>
    </row>
    <row r="90" spans="1:69" s="2" customFormat="1" ht="15" customHeight="1" x14ac:dyDescent="0.2">
      <c r="A90" s="83"/>
      <c r="B90" s="83"/>
      <c r="C90" s="83"/>
      <c r="D90" s="93"/>
      <c r="E90" s="511"/>
      <c r="F90" s="511"/>
      <c r="G90" s="511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16" t="s">
        <v>
195</v>
      </c>
      <c r="AC90" s="181"/>
      <c r="AD90" s="182"/>
      <c r="AE90" s="213">
        <v>
0</v>
      </c>
      <c r="AF90" s="523"/>
      <c r="AG90" s="523"/>
      <c r="AH90" s="524"/>
      <c r="AI90" s="218">
        <v>
0</v>
      </c>
      <c r="AJ90" s="219"/>
      <c r="AK90" s="219"/>
      <c r="AL90" s="220"/>
      <c r="AM90" s="244"/>
      <c r="AN90" s="245"/>
      <c r="AO90" s="245"/>
      <c r="AP90" s="246"/>
      <c r="AQ90" s="247"/>
      <c r="AR90" s="241"/>
      <c r="AS90" s="241"/>
      <c r="AT90" s="248"/>
      <c r="AU90" s="40"/>
      <c r="BH90" s="41"/>
      <c r="BI90" s="232"/>
      <c r="BJ90" s="233"/>
      <c r="BK90" s="233"/>
      <c r="BL90" s="233"/>
      <c r="BM90" s="233"/>
      <c r="BN90" s="233"/>
      <c r="BO90" s="233"/>
      <c r="BP90" s="233"/>
      <c r="BQ90" s="234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35"/>
      <c r="AC91" s="237" t="s">
        <v>
196</v>
      </c>
      <c r="AD91" s="238"/>
      <c r="AE91" s="80" t="s">
        <v>
197</v>
      </c>
      <c r="AF91" s="214">
        <v>
0</v>
      </c>
      <c r="AG91" s="214"/>
      <c r="AH91" s="81" t="s">
        <v>
198</v>
      </c>
      <c r="AI91" s="96" t="s">
        <v>
197</v>
      </c>
      <c r="AJ91" s="239">
        <v>
0</v>
      </c>
      <c r="AK91" s="239"/>
      <c r="AL91" s="97" t="s">
        <v>
198</v>
      </c>
      <c r="AM91" s="92"/>
      <c r="AN91" s="240"/>
      <c r="AO91" s="240"/>
      <c r="AP91" s="42"/>
      <c r="AQ91" s="98"/>
      <c r="AR91" s="241"/>
      <c r="AS91" s="241"/>
      <c r="AT91" s="100"/>
      <c r="AU91" s="40"/>
      <c r="BH91" s="41"/>
      <c r="BI91" s="224"/>
      <c r="BJ91" s="225"/>
      <c r="BK91" s="225"/>
      <c r="BL91" s="225"/>
      <c r="BM91" s="225"/>
      <c r="BN91" s="225"/>
      <c r="BO91" s="225"/>
      <c r="BP91" s="225"/>
      <c r="BQ91" s="226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36"/>
      <c r="AC92" s="227" t="s">
        <v>
199</v>
      </c>
      <c r="AD92" s="228"/>
      <c r="AE92" s="43" t="s">
        <v>
200</v>
      </c>
      <c r="AF92" s="229">
        <v>
0</v>
      </c>
      <c r="AG92" s="229"/>
      <c r="AH92" s="44" t="s">
        <v>
201</v>
      </c>
      <c r="AI92" s="84" t="s">
        <v>
200</v>
      </c>
      <c r="AJ92" s="230">
        <v>
0</v>
      </c>
      <c r="AK92" s="230"/>
      <c r="AL92" s="86" t="s">
        <v>
201</v>
      </c>
      <c r="AM92" s="43"/>
      <c r="AN92" s="229"/>
      <c r="AO92" s="229"/>
      <c r="AP92" s="102"/>
      <c r="AQ92" s="98"/>
      <c r="AR92" s="231"/>
      <c r="AS92" s="231"/>
      <c r="AT92" s="100"/>
      <c r="AU92" s="40"/>
      <c r="BH92" s="41"/>
      <c r="BI92" s="232"/>
      <c r="BJ92" s="233"/>
      <c r="BK92" s="233"/>
      <c r="BL92" s="233"/>
      <c r="BM92" s="233"/>
      <c r="BN92" s="233"/>
      <c r="BO92" s="233"/>
      <c r="BP92" s="233"/>
      <c r="BQ92" s="234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09" t="s">
        <v>
99</v>
      </c>
      <c r="AC93" s="110"/>
      <c r="AD93" s="111"/>
      <c r="AE93" s="213">
        <v>
1070241</v>
      </c>
      <c r="AF93" s="214"/>
      <c r="AG93" s="214"/>
      <c r="AH93" s="215"/>
      <c r="AI93" s="216">
        <v>
100</v>
      </c>
      <c r="AJ93" s="216"/>
      <c r="AK93" s="216"/>
      <c r="AL93" s="216"/>
      <c r="AM93" s="217">
        <v>
235052</v>
      </c>
      <c r="AN93" s="217"/>
      <c r="AO93" s="217"/>
      <c r="AP93" s="213"/>
      <c r="AQ93" s="218">
        <v>
100</v>
      </c>
      <c r="AR93" s="219"/>
      <c r="AS93" s="219"/>
      <c r="AT93" s="220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1"/>
      <c r="BJ93" s="222"/>
      <c r="BK93" s="222"/>
      <c r="BL93" s="222"/>
      <c r="BM93" s="222"/>
      <c r="BN93" s="222"/>
      <c r="BO93" s="222"/>
      <c r="BP93" s="222"/>
      <c r="BQ93" s="223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37" t="s">
        <v>
202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3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194" t="s">
        <v>
204</v>
      </c>
      <c r="AC95" s="194"/>
      <c r="AD95" s="194"/>
      <c r="AE95" s="194"/>
      <c r="AF95" s="194"/>
      <c r="AG95" s="143" t="s">
        <v>
205</v>
      </c>
      <c r="AH95" s="144"/>
      <c r="AI95" s="144"/>
      <c r="AJ95" s="145"/>
      <c r="AK95" s="195" t="s">
        <v>
130</v>
      </c>
      <c r="AL95" s="196"/>
      <c r="AM95" s="196"/>
      <c r="AN95" s="197"/>
      <c r="AO95" s="201" t="s">
        <v>
206</v>
      </c>
      <c r="AP95" s="185" t="s">
        <v>
207</v>
      </c>
      <c r="AQ95" s="203"/>
      <c r="AR95" s="203"/>
      <c r="AS95" s="129" t="s">
        <v>
208</v>
      </c>
      <c r="AT95" s="203" t="s">
        <v>
209</v>
      </c>
      <c r="AU95" s="186"/>
      <c r="AV95" s="128" t="s">
        <v>
210</v>
      </c>
      <c r="AW95" s="129"/>
      <c r="AX95" s="129"/>
      <c r="AY95" s="130"/>
      <c r="AZ95" s="128" t="s">
        <v>
204</v>
      </c>
      <c r="BA95" s="129"/>
      <c r="BB95" s="129"/>
      <c r="BC95" s="130"/>
      <c r="BD95" s="76"/>
      <c r="BE95" s="129" t="s">
        <v>
129</v>
      </c>
      <c r="BF95" s="129"/>
      <c r="BG95" s="130"/>
      <c r="BH95" s="143" t="s">
        <v>
130</v>
      </c>
      <c r="BI95" s="144"/>
      <c r="BJ95" s="144"/>
      <c r="BK95" s="145"/>
      <c r="BL95" s="128" t="s">
        <v>
134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194"/>
      <c r="AC96" s="194"/>
      <c r="AD96" s="194"/>
      <c r="AE96" s="194"/>
      <c r="AF96" s="194"/>
      <c r="AG96" s="146"/>
      <c r="AH96" s="147"/>
      <c r="AI96" s="147"/>
      <c r="AJ96" s="148"/>
      <c r="AK96" s="198"/>
      <c r="AL96" s="199"/>
      <c r="AM96" s="199"/>
      <c r="AN96" s="200"/>
      <c r="AO96" s="202"/>
      <c r="AP96" s="204"/>
      <c r="AQ96" s="205"/>
      <c r="AR96" s="205"/>
      <c r="AS96" s="132"/>
      <c r="AT96" s="205"/>
      <c r="AU96" s="206"/>
      <c r="AV96" s="131" t="s">
        <v>
211</v>
      </c>
      <c r="AW96" s="132"/>
      <c r="AX96" s="132"/>
      <c r="AY96" s="133"/>
      <c r="AZ96" s="131"/>
      <c r="BA96" s="132"/>
      <c r="BB96" s="132"/>
      <c r="BC96" s="133"/>
      <c r="BD96" s="525"/>
      <c r="BE96" s="132"/>
      <c r="BF96" s="132"/>
      <c r="BG96" s="133"/>
      <c r="BH96" s="146"/>
      <c r="BI96" s="147"/>
      <c r="BJ96" s="147"/>
      <c r="BK96" s="148"/>
      <c r="BL96" s="131" t="s">
        <v>
137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194"/>
      <c r="AC97" s="194"/>
      <c r="AD97" s="194"/>
      <c r="AE97" s="194"/>
      <c r="AF97" s="194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48" t="s">
        <v>
23</v>
      </c>
      <c r="AP97" s="210" t="s">
        <v>
21</v>
      </c>
      <c r="AQ97" s="211"/>
      <c r="AR97" s="211"/>
      <c r="AS97" s="211"/>
      <c r="AT97" s="211"/>
      <c r="AU97" s="212"/>
      <c r="AV97" s="191" t="s">
        <v>
21</v>
      </c>
      <c r="AW97" s="192"/>
      <c r="AX97" s="192"/>
      <c r="AY97" s="193"/>
      <c r="AZ97" s="134"/>
      <c r="BA97" s="135"/>
      <c r="BB97" s="135"/>
      <c r="BC97" s="136"/>
      <c r="BD97" s="526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191" t="s">
        <v>
21</v>
      </c>
      <c r="BM97" s="192"/>
      <c r="BN97" s="192"/>
      <c r="BO97" s="192"/>
      <c r="BP97" s="192"/>
      <c r="BQ97" s="193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185" t="s">
        <v>
212</v>
      </c>
      <c r="AC98" s="186"/>
      <c r="AD98" s="189" t="s">
        <v>
213</v>
      </c>
      <c r="AE98" s="189"/>
      <c r="AF98" s="190"/>
      <c r="AG98" s="164">
        <v>
17025</v>
      </c>
      <c r="AH98" s="164"/>
      <c r="AI98" s="164"/>
      <c r="AJ98" s="164"/>
      <c r="AK98" s="165">
        <v>
42.911153119092624</v>
      </c>
      <c r="AL98" s="165"/>
      <c r="AM98" s="165"/>
      <c r="AN98" s="165"/>
      <c r="AO98" s="49">
        <v>
2.615876077391357</v>
      </c>
      <c r="AP98" s="176">
        <v>
12832</v>
      </c>
      <c r="AQ98" s="177"/>
      <c r="AR98" s="177"/>
      <c r="AS98" s="177"/>
      <c r="AT98" s="177"/>
      <c r="AU98" s="178"/>
      <c r="AV98" s="164">
        <v>
0</v>
      </c>
      <c r="AW98" s="164"/>
      <c r="AX98" s="164"/>
      <c r="AY98" s="164"/>
      <c r="AZ98" s="179" t="s">
        <v>
214</v>
      </c>
      <c r="BA98" s="179"/>
      <c r="BB98" s="179"/>
      <c r="BC98" s="179"/>
      <c r="BD98" s="164">
        <v>
18645</v>
      </c>
      <c r="BE98" s="164"/>
      <c r="BF98" s="164"/>
      <c r="BG98" s="164"/>
      <c r="BH98" s="165">
        <v>
2.4382270055381556</v>
      </c>
      <c r="BI98" s="165"/>
      <c r="BJ98" s="165"/>
      <c r="BK98" s="165"/>
      <c r="BL98" s="164">
        <v>
18645</v>
      </c>
      <c r="BM98" s="164"/>
      <c r="BN98" s="164"/>
      <c r="BO98" s="164"/>
      <c r="BP98" s="164"/>
      <c r="BQ98" s="164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187"/>
      <c r="AC99" s="188"/>
      <c r="AD99" s="110" t="s">
        <v>
215</v>
      </c>
      <c r="AE99" s="110"/>
      <c r="AF99" s="111"/>
      <c r="AG99" s="164">
        <v>
3561</v>
      </c>
      <c r="AH99" s="164"/>
      <c r="AI99" s="164"/>
      <c r="AJ99" s="164"/>
      <c r="AK99" s="165">
        <v>
8.975425330812854</v>
      </c>
      <c r="AL99" s="165"/>
      <c r="AM99" s="165"/>
      <c r="AN99" s="165"/>
      <c r="AO99" s="49">
        <v>
25.963919349133356</v>
      </c>
      <c r="AP99" s="176">
        <v>
3772</v>
      </c>
      <c r="AQ99" s="177"/>
      <c r="AR99" s="177"/>
      <c r="AS99" s="177"/>
      <c r="AT99" s="177"/>
      <c r="AU99" s="178"/>
      <c r="AV99" s="164">
        <v>
0</v>
      </c>
      <c r="AW99" s="164"/>
      <c r="AX99" s="164"/>
      <c r="AY99" s="164"/>
      <c r="AZ99" s="179" t="s">
        <v>
216</v>
      </c>
      <c r="BA99" s="179"/>
      <c r="BB99" s="179"/>
      <c r="BC99" s="179"/>
      <c r="BD99" s="164">
        <v>
344670</v>
      </c>
      <c r="BE99" s="164"/>
      <c r="BF99" s="164"/>
      <c r="BG99" s="164"/>
      <c r="BH99" s="165">
        <v>
45.07287219087349</v>
      </c>
      <c r="BI99" s="165"/>
      <c r="BJ99" s="165"/>
      <c r="BK99" s="165"/>
      <c r="BL99" s="164">
        <v>
107083</v>
      </c>
      <c r="BM99" s="164"/>
      <c r="BN99" s="164"/>
      <c r="BO99" s="164"/>
      <c r="BP99" s="164"/>
      <c r="BQ99" s="164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79" t="s">
        <v>
217</v>
      </c>
      <c r="AC100" s="179"/>
      <c r="AD100" s="179"/>
      <c r="AE100" s="179"/>
      <c r="AF100" s="179"/>
      <c r="AG100" s="164">
        <v>
15785</v>
      </c>
      <c r="AH100" s="164"/>
      <c r="AI100" s="164"/>
      <c r="AJ100" s="164"/>
      <c r="AK100" s="165">
        <v>
39.785759294265908</v>
      </c>
      <c r="AL100" s="165"/>
      <c r="AM100" s="165"/>
      <c r="AN100" s="165"/>
      <c r="AO100" s="49">
        <v>
12.460815047021944</v>
      </c>
      <c r="AP100" s="176">
        <v>
13857</v>
      </c>
      <c r="AQ100" s="177"/>
      <c r="AR100" s="177"/>
      <c r="AS100" s="177"/>
      <c r="AT100" s="177"/>
      <c r="AU100" s="178"/>
      <c r="AV100" s="164">
        <v>
0</v>
      </c>
      <c r="AW100" s="164"/>
      <c r="AX100" s="164"/>
      <c r="AY100" s="164"/>
      <c r="AZ100" s="179" t="s">
        <v>
218</v>
      </c>
      <c r="BA100" s="179"/>
      <c r="BB100" s="179"/>
      <c r="BC100" s="179"/>
      <c r="BD100" s="164">
        <v>
44548</v>
      </c>
      <c r="BE100" s="164"/>
      <c r="BF100" s="164"/>
      <c r="BG100" s="164"/>
      <c r="BH100" s="165">
        <v>
5.8255905949430815</v>
      </c>
      <c r="BI100" s="165"/>
      <c r="BJ100" s="165"/>
      <c r="BK100" s="165"/>
      <c r="BL100" s="164">
        <v>
24939</v>
      </c>
      <c r="BM100" s="164"/>
      <c r="BN100" s="164"/>
      <c r="BO100" s="164"/>
      <c r="BP100" s="164"/>
      <c r="BQ100" s="164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79" t="s">
        <v>
219</v>
      </c>
      <c r="AC101" s="179"/>
      <c r="AD101" s="179"/>
      <c r="AE101" s="179"/>
      <c r="AF101" s="179"/>
      <c r="AG101" s="164">
        <v>
1195</v>
      </c>
      <c r="AH101" s="164"/>
      <c r="AI101" s="164"/>
      <c r="AJ101" s="164"/>
      <c r="AK101" s="165">
        <v>
3.0119722747321989</v>
      </c>
      <c r="AL101" s="165"/>
      <c r="AM101" s="165"/>
      <c r="AN101" s="165"/>
      <c r="AO101" s="49">
        <v>
6.4113980409617088</v>
      </c>
      <c r="AP101" s="176">
        <v>
1097</v>
      </c>
      <c r="AQ101" s="177"/>
      <c r="AR101" s="177"/>
      <c r="AS101" s="177"/>
      <c r="AT101" s="177"/>
      <c r="AU101" s="178"/>
      <c r="AV101" s="164">
        <v>
0</v>
      </c>
      <c r="AW101" s="164"/>
      <c r="AX101" s="164"/>
      <c r="AY101" s="164"/>
      <c r="AZ101" s="179" t="s">
        <v>
220</v>
      </c>
      <c r="BA101" s="179"/>
      <c r="BB101" s="179"/>
      <c r="BC101" s="179"/>
      <c r="BD101" s="164">
        <v>
87741</v>
      </c>
      <c r="BE101" s="164"/>
      <c r="BF101" s="164"/>
      <c r="BG101" s="164"/>
      <c r="BH101" s="165">
        <v>
11.473986360575131</v>
      </c>
      <c r="BI101" s="165"/>
      <c r="BJ101" s="165"/>
      <c r="BK101" s="165"/>
      <c r="BL101" s="164">
        <v>
4836</v>
      </c>
      <c r="BM101" s="164"/>
      <c r="BN101" s="164"/>
      <c r="BO101" s="164"/>
      <c r="BP101" s="164"/>
      <c r="BQ101" s="164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79" t="s">
        <v>
221</v>
      </c>
      <c r="AC102" s="179"/>
      <c r="AD102" s="179"/>
      <c r="AE102" s="179"/>
      <c r="AF102" s="179"/>
      <c r="AG102" s="164">
        <v>
2109</v>
      </c>
      <c r="AH102" s="164"/>
      <c r="AI102" s="164"/>
      <c r="AJ102" s="164"/>
      <c r="AK102" s="165">
        <v>
5.3156899810964084</v>
      </c>
      <c r="AL102" s="165"/>
      <c r="AM102" s="165"/>
      <c r="AN102" s="165"/>
      <c r="AO102" s="49">
        <v>
-13.316892725030826</v>
      </c>
      <c r="AP102" s="176">
        <v>
1964</v>
      </c>
      <c r="AQ102" s="177"/>
      <c r="AR102" s="177"/>
      <c r="AS102" s="177"/>
      <c r="AT102" s="177"/>
      <c r="AU102" s="178"/>
      <c r="AV102" s="164"/>
      <c r="AW102" s="164"/>
      <c r="AX102" s="164"/>
      <c r="AY102" s="164"/>
      <c r="AZ102" s="179" t="s">
        <v>
222</v>
      </c>
      <c r="BA102" s="179"/>
      <c r="BB102" s="179"/>
      <c r="BC102" s="179"/>
      <c r="BD102" s="164">
        <v>
0</v>
      </c>
      <c r="BE102" s="164"/>
      <c r="BF102" s="164"/>
      <c r="BG102" s="164"/>
      <c r="BH102" s="165">
        <v>
0</v>
      </c>
      <c r="BI102" s="165"/>
      <c r="BJ102" s="165"/>
      <c r="BK102" s="165"/>
      <c r="BL102" s="164">
        <v>
0</v>
      </c>
      <c r="BM102" s="164"/>
      <c r="BN102" s="164"/>
      <c r="BO102" s="164"/>
      <c r="BP102" s="164"/>
      <c r="BQ102" s="164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79" t="s">
        <v>
223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49">
        <v>
0</v>
      </c>
      <c r="AP103" s="176">
        <v>
0</v>
      </c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4</v>
      </c>
      <c r="BA103" s="179"/>
      <c r="BB103" s="179"/>
      <c r="BC103" s="179"/>
      <c r="BD103" s="164">
        <v>
56971</v>
      </c>
      <c r="BE103" s="164"/>
      <c r="BF103" s="164"/>
      <c r="BG103" s="164"/>
      <c r="BH103" s="165">
        <v>
7.4501598676596545</v>
      </c>
      <c r="BI103" s="165"/>
      <c r="BJ103" s="165"/>
      <c r="BK103" s="165"/>
      <c r="BL103" s="164">
        <v>
6159</v>
      </c>
      <c r="BM103" s="164"/>
      <c r="BN103" s="164"/>
      <c r="BO103" s="164"/>
      <c r="BP103" s="164"/>
      <c r="BQ103" s="164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79" t="s">
        <v>
225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49">
        <v>
0</v>
      </c>
      <c r="AP104" s="176">
        <v>
0</v>
      </c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6</v>
      </c>
      <c r="BA104" s="179"/>
      <c r="BB104" s="179"/>
      <c r="BC104" s="179"/>
      <c r="BD104" s="164">
        <v>
46898</v>
      </c>
      <c r="BE104" s="164"/>
      <c r="BF104" s="164"/>
      <c r="BG104" s="164"/>
      <c r="BH104" s="165">
        <v>
6.1329026605378614</v>
      </c>
      <c r="BI104" s="165"/>
      <c r="BJ104" s="165"/>
      <c r="BK104" s="165"/>
      <c r="BL104" s="164">
        <v>
1554</v>
      </c>
      <c r="BM104" s="164"/>
      <c r="BN104" s="164"/>
      <c r="BO104" s="164"/>
      <c r="BP104" s="164"/>
      <c r="BQ104" s="164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184" t="s">
        <v>
227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49">
        <v>
0</v>
      </c>
      <c r="AP105" s="176">
        <v>
0</v>
      </c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8</v>
      </c>
      <c r="BA105" s="179"/>
      <c r="BB105" s="179"/>
      <c r="BC105" s="179"/>
      <c r="BD105" s="164">
        <v>
69535</v>
      </c>
      <c r="BE105" s="164"/>
      <c r="BF105" s="164"/>
      <c r="BG105" s="164"/>
      <c r="BH105" s="165">
        <v>
9.0931678643119156</v>
      </c>
      <c r="BI105" s="165"/>
      <c r="BJ105" s="165"/>
      <c r="BK105" s="165"/>
      <c r="BL105" s="164">
        <v>
7226</v>
      </c>
      <c r="BM105" s="164"/>
      <c r="BN105" s="164"/>
      <c r="BO105" s="164"/>
      <c r="BP105" s="164"/>
      <c r="BQ105" s="164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16" t="s">
        <v>
229</v>
      </c>
      <c r="AC106" s="117"/>
      <c r="AD106" s="117"/>
      <c r="AE106" s="117"/>
      <c r="AF106" s="118"/>
      <c r="AG106" s="183">
        <v>
0</v>
      </c>
      <c r="AH106" s="164"/>
      <c r="AI106" s="164"/>
      <c r="AJ106" s="164"/>
      <c r="AK106" s="165">
        <v>
0</v>
      </c>
      <c r="AL106" s="165"/>
      <c r="AM106" s="165"/>
      <c r="AN106" s="165"/>
      <c r="AO106" s="49">
        <v>
0</v>
      </c>
      <c r="AP106" s="176">
        <v>
0</v>
      </c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30</v>
      </c>
      <c r="BA106" s="179"/>
      <c r="BB106" s="179"/>
      <c r="BC106" s="179"/>
      <c r="BD106" s="164">
        <v>
17940</v>
      </c>
      <c r="BE106" s="164"/>
      <c r="BF106" s="164"/>
      <c r="BG106" s="164"/>
      <c r="BH106" s="165">
        <v>
2.3460333858597218</v>
      </c>
      <c r="BI106" s="165"/>
      <c r="BJ106" s="165"/>
      <c r="BK106" s="165"/>
      <c r="BL106" s="164">
        <v>
3697</v>
      </c>
      <c r="BM106" s="164"/>
      <c r="BN106" s="164"/>
      <c r="BO106" s="164"/>
      <c r="BP106" s="164"/>
      <c r="BQ106" s="164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80" t="s">
        <v>
231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49">
        <v>
0</v>
      </c>
      <c r="AP107" s="176">
        <v>
0</v>
      </c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2</v>
      </c>
      <c r="BA107" s="179"/>
      <c r="BB107" s="179"/>
      <c r="BC107" s="179"/>
      <c r="BD107" s="164">
        <v>
53060</v>
      </c>
      <c r="BE107" s="164"/>
      <c r="BF107" s="164"/>
      <c r="BG107" s="164"/>
      <c r="BH107" s="165">
        <v>
6.9387141278548965</v>
      </c>
      <c r="BI107" s="165"/>
      <c r="BJ107" s="165"/>
      <c r="BK107" s="165"/>
      <c r="BL107" s="164">
        <v>
36130</v>
      </c>
      <c r="BM107" s="164"/>
      <c r="BN107" s="164"/>
      <c r="BO107" s="164"/>
      <c r="BP107" s="164"/>
      <c r="BQ107" s="164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19" t="s">
        <v>
233</v>
      </c>
      <c r="AD108" s="120"/>
      <c r="AE108" s="120"/>
      <c r="AF108" s="121"/>
      <c r="AG108" s="183">
        <v>
0</v>
      </c>
      <c r="AH108" s="164"/>
      <c r="AI108" s="164"/>
      <c r="AJ108" s="164"/>
      <c r="AK108" s="165">
        <v>
0</v>
      </c>
      <c r="AL108" s="165"/>
      <c r="AM108" s="165"/>
      <c r="AN108" s="165"/>
      <c r="AO108" s="49">
        <v>
0</v>
      </c>
      <c r="AP108" s="176">
        <v>
0</v>
      </c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4</v>
      </c>
      <c r="BA108" s="179"/>
      <c r="BB108" s="179"/>
      <c r="BC108" s="179"/>
      <c r="BD108" s="164">
        <v>
0</v>
      </c>
      <c r="BE108" s="164"/>
      <c r="BF108" s="164"/>
      <c r="BG108" s="164"/>
      <c r="BH108" s="165">
        <v>
0</v>
      </c>
      <c r="BI108" s="165"/>
      <c r="BJ108" s="165"/>
      <c r="BK108" s="165"/>
      <c r="BL108" s="164">
        <v>
0</v>
      </c>
      <c r="BM108" s="164"/>
      <c r="BN108" s="164"/>
      <c r="BO108" s="164"/>
      <c r="BP108" s="164"/>
      <c r="BQ108" s="164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19" t="s">
        <v>
235</v>
      </c>
      <c r="AD109" s="120"/>
      <c r="AE109" s="120"/>
      <c r="AF109" s="121"/>
      <c r="AG109" s="164">
        <v>
0</v>
      </c>
      <c r="AH109" s="164"/>
      <c r="AI109" s="164"/>
      <c r="AJ109" s="164"/>
      <c r="AK109" s="165">
        <v>
0</v>
      </c>
      <c r="AL109" s="165"/>
      <c r="AM109" s="165"/>
      <c r="AN109" s="165"/>
      <c r="AO109" s="49">
        <v>
0</v>
      </c>
      <c r="AP109" s="176">
        <v>
0</v>
      </c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7</v>
      </c>
      <c r="BA109" s="179"/>
      <c r="BB109" s="179"/>
      <c r="BC109" s="179"/>
      <c r="BD109" s="164">
        <v>
24687</v>
      </c>
      <c r="BE109" s="164"/>
      <c r="BF109" s="164"/>
      <c r="BG109" s="164"/>
      <c r="BH109" s="165">
        <v>
3.2283459418460954</v>
      </c>
      <c r="BI109" s="165"/>
      <c r="BJ109" s="165"/>
      <c r="BK109" s="165"/>
      <c r="BL109" s="164">
        <v>
24687</v>
      </c>
      <c r="BM109" s="164"/>
      <c r="BN109" s="164"/>
      <c r="BO109" s="164"/>
      <c r="BP109" s="164"/>
      <c r="BQ109" s="164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80" t="s">
        <v>
236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49">
        <v>
0</v>
      </c>
      <c r="AP110" s="176">
        <v>
0</v>
      </c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7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75" t="s">
        <v>
238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49">
        <v>
0</v>
      </c>
      <c r="AP111" s="176">
        <v>
0</v>
      </c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8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09" t="s">
        <v>
239</v>
      </c>
      <c r="AC112" s="110"/>
      <c r="AD112" s="110"/>
      <c r="AE112" s="110"/>
      <c r="AF112" s="111"/>
      <c r="AG112" s="166">
        <v>
39675</v>
      </c>
      <c r="AH112" s="167"/>
      <c r="AI112" s="167"/>
      <c r="AJ112" s="168"/>
      <c r="AK112" s="165">
        <v>
100</v>
      </c>
      <c r="AL112" s="165"/>
      <c r="AM112" s="165"/>
      <c r="AN112" s="165"/>
      <c r="AO112" s="50">
        <v>
7.200756552283166</v>
      </c>
      <c r="AP112" s="169">
        <f>
SUM(AP98:AU111)</f>
        <v>
33522</v>
      </c>
      <c r="AQ112" s="170"/>
      <c r="AR112" s="170"/>
      <c r="AS112" s="170"/>
      <c r="AT112" s="170"/>
      <c r="AU112" s="171"/>
      <c r="AV112" s="172">
        <v>
0</v>
      </c>
      <c r="AW112" s="173"/>
      <c r="AX112" s="173"/>
      <c r="AY112" s="174"/>
      <c r="AZ112" s="109" t="s">
        <v>
240</v>
      </c>
      <c r="BA112" s="110"/>
      <c r="BB112" s="110"/>
      <c r="BC112" s="111"/>
      <c r="BD112" s="164">
        <v>
764695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234956</v>
      </c>
      <c r="BM112" s="164"/>
      <c r="BN112" s="164"/>
      <c r="BO112" s="164"/>
      <c r="BP112" s="164"/>
      <c r="BQ112" s="164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28" t="s">
        <v>
241</v>
      </c>
      <c r="AC113" s="129"/>
      <c r="AD113" s="129"/>
      <c r="AE113" s="129"/>
      <c r="AF113" s="130"/>
      <c r="AG113" s="137" t="s">
        <v>
242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3</v>
      </c>
      <c r="BA113" s="128" t="s">
        <v>
244</v>
      </c>
      <c r="BB113" s="129"/>
      <c r="BC113" s="129"/>
      <c r="BD113" s="129"/>
      <c r="BE113" s="130"/>
      <c r="BF113" s="143" t="s">
        <v>
245</v>
      </c>
      <c r="BG113" s="144"/>
      <c r="BH113" s="144"/>
      <c r="BI113" s="145"/>
      <c r="BJ113" s="143" t="s">
        <v>
246</v>
      </c>
      <c r="BK113" s="144"/>
      <c r="BL113" s="144"/>
      <c r="BM113" s="145"/>
      <c r="BN113" s="129" t="s">
        <v>
247</v>
      </c>
      <c r="BO113" s="129"/>
      <c r="BP113" s="129"/>
      <c r="BQ113" s="130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31"/>
      <c r="AC114" s="132"/>
      <c r="AD114" s="132"/>
      <c r="AE114" s="132"/>
      <c r="AF114" s="133"/>
      <c r="AG114" s="149" t="s">
        <v>
264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8</v>
      </c>
      <c r="BO115" s="162"/>
      <c r="BP115" s="162"/>
      <c r="BQ115" s="163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49</v>
      </c>
      <c r="AC116" s="34"/>
      <c r="AD116" s="34"/>
      <c r="AE116" s="34"/>
      <c r="AF116" s="34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50</v>
      </c>
      <c r="BB116" s="117"/>
      <c r="BC116" s="117"/>
      <c r="BD116" s="117"/>
      <c r="BE116" s="118"/>
      <c r="BF116" s="122">
        <v>
99.974801562303142</v>
      </c>
      <c r="BG116" s="123"/>
      <c r="BH116" s="123"/>
      <c r="BI116" s="123"/>
      <c r="BJ116" s="122">
        <v>
0</v>
      </c>
      <c r="BK116" s="123"/>
      <c r="BL116" s="123"/>
      <c r="BM116" s="126"/>
      <c r="BN116" s="123">
        <v>
99.843974129904126</v>
      </c>
      <c r="BO116" s="123"/>
      <c r="BP116" s="123"/>
      <c r="BQ116" s="126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51</v>
      </c>
      <c r="BB117" s="159"/>
      <c r="BC117" s="159"/>
      <c r="BD117" s="159"/>
      <c r="BE117" s="160"/>
      <c r="BF117" s="84" t="s">
        <v>
197</v>
      </c>
      <c r="BG117" s="125"/>
      <c r="BH117" s="125"/>
      <c r="BI117" s="85" t="s">
        <v>
198</v>
      </c>
      <c r="BJ117" s="84" t="s">
        <v>
197</v>
      </c>
      <c r="BK117" s="125"/>
      <c r="BL117" s="125"/>
      <c r="BM117" s="86" t="s">
        <v>
198</v>
      </c>
      <c r="BN117" s="85" t="s">
        <v>
197</v>
      </c>
      <c r="BO117" s="125"/>
      <c r="BP117" s="125"/>
      <c r="BQ117" s="86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4"/>
      <c r="BB118" s="116" t="s">
        <v>
252</v>
      </c>
      <c r="BC118" s="117"/>
      <c r="BD118" s="117"/>
      <c r="BE118" s="118"/>
      <c r="BF118" s="122">
        <v>
100</v>
      </c>
      <c r="BG118" s="123"/>
      <c r="BH118" s="123"/>
      <c r="BI118" s="123"/>
      <c r="BJ118" s="122"/>
      <c r="BK118" s="123"/>
      <c r="BL118" s="123"/>
      <c r="BM118" s="123"/>
      <c r="BN118" s="122">
        <v>
100</v>
      </c>
      <c r="BO118" s="123"/>
      <c r="BP118" s="123"/>
      <c r="BQ118" s="126"/>
    </row>
    <row r="119" spans="1:69" s="2" customFormat="1" ht="21" customHeight="1" x14ac:dyDescent="0.2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13">
        <v>
100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4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3</v>
      </c>
      <c r="AC120" s="59"/>
      <c r="AD120" s="59"/>
      <c r="AE120" s="59"/>
      <c r="AF120" s="59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4"/>
      <c r="BB120" s="116" t="s">
        <v>
254</v>
      </c>
      <c r="BC120" s="117"/>
      <c r="BD120" s="117"/>
      <c r="BE120" s="118"/>
      <c r="BF120" s="122">
        <v>
99.928042023458303</v>
      </c>
      <c r="BG120" s="123"/>
      <c r="BH120" s="123"/>
      <c r="BI120" s="123"/>
      <c r="BJ120" s="122">
        <v>
0</v>
      </c>
      <c r="BK120" s="123"/>
      <c r="BL120" s="123"/>
      <c r="BM120" s="123"/>
      <c r="BN120" s="122">
        <v>
99.598364770852754</v>
      </c>
      <c r="BO120" s="123"/>
      <c r="BP120" s="123"/>
      <c r="BQ120" s="126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0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13">
        <v>
6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5</v>
      </c>
      <c r="BB122" s="110"/>
      <c r="BC122" s="110"/>
      <c r="BD122" s="110"/>
      <c r="BE122" s="111"/>
      <c r="BF122" s="112">
        <v>
100</v>
      </c>
      <c r="BG122" s="112"/>
      <c r="BH122" s="112"/>
      <c r="BI122" s="112"/>
      <c r="BJ122" s="112">
        <v>
0</v>
      </c>
      <c r="BK122" s="112"/>
      <c r="BL122" s="112"/>
      <c r="BM122" s="112"/>
      <c r="BN122" s="112">
        <v>
100</v>
      </c>
      <c r="BO122" s="112"/>
      <c r="BP122" s="112"/>
      <c r="BQ122" s="112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青ケ島村</vt:lpstr>
      <vt:lpstr>青ケ島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6:08:36Z</dcterms:created>
  <dcterms:modified xsi:type="dcterms:W3CDTF">2020-01-14T10:26:09Z</dcterms:modified>
</cp:coreProperties>
</file>